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tiff" ContentType="image/tiff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 bookmarkIdSeed="2">
  <p:sldMasterIdLst>
    <p:sldMasterId id="2147483648" r:id="rId4"/>
  </p:sldMasterIdLst>
  <p:notesMasterIdLst>
    <p:notesMasterId r:id="rId6"/>
  </p:notesMasterIdLst>
  <p:handoutMasterIdLst>
    <p:handoutMasterId r:id="rId7"/>
  </p:handoutMasterIdLst>
  <p:sldIdLst>
    <p:sldId id="855" r:id="rId5"/>
  </p:sldIdLst>
  <p:sldSz cx="12801600" cy="9601200" type="A3"/>
  <p:notesSz cx="6807200" cy="9939338"/>
  <p:defaultTextStyle>
    <a:defPPr>
      <a:defRPr lang="ja-JP"/>
    </a:defPPr>
    <a:lvl1pPr algn="l" rtl="0" fontAlgn="base">
      <a:spcBef>
        <a:spcPct val="0"/>
      </a:spcBef>
      <a:spcAft>
        <a:spcPct val="0"/>
      </a:spcAft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1pPr>
    <a:lvl2pPr marL="640080" algn="l" rtl="0" fontAlgn="base">
      <a:spcBef>
        <a:spcPct val="0"/>
      </a:spcBef>
      <a:spcAft>
        <a:spcPct val="0"/>
      </a:spcAft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2pPr>
    <a:lvl3pPr marL="1280160" algn="l" rtl="0" fontAlgn="base">
      <a:spcBef>
        <a:spcPct val="0"/>
      </a:spcBef>
      <a:spcAft>
        <a:spcPct val="0"/>
      </a:spcAft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3pPr>
    <a:lvl4pPr marL="1920240" algn="l" rtl="0" fontAlgn="base">
      <a:spcBef>
        <a:spcPct val="0"/>
      </a:spcBef>
      <a:spcAft>
        <a:spcPct val="0"/>
      </a:spcAft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4pPr>
    <a:lvl5pPr marL="2560320" algn="l" rtl="0" fontAlgn="base">
      <a:spcBef>
        <a:spcPct val="0"/>
      </a:spcBef>
      <a:spcAft>
        <a:spcPct val="0"/>
      </a:spcAft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5pPr>
    <a:lvl6pPr marL="3200400" algn="l" defTabSz="1280160" rtl="0" eaLnBrk="1" latinLnBrk="0" hangingPunct="1"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6pPr>
    <a:lvl7pPr marL="3840480" algn="l" defTabSz="1280160" rtl="0" eaLnBrk="1" latinLnBrk="0" hangingPunct="1"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7pPr>
    <a:lvl8pPr marL="4480560" algn="l" defTabSz="1280160" rtl="0" eaLnBrk="1" latinLnBrk="0" hangingPunct="1"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8pPr>
    <a:lvl9pPr marL="5120640" algn="l" defTabSz="1280160" rtl="0" eaLnBrk="1" latinLnBrk="0" hangingPunct="1">
      <a:defRPr kumimoji="1" sz="1300" kern="1200">
        <a:solidFill>
          <a:schemeClr val="tx1"/>
        </a:solidFill>
        <a:latin typeface="Times New Roman" pitchFamily="18" charset="0"/>
        <a:ea typeface="ＭＳ Ｐゴシック" charset="-128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FF"/>
    <a:srgbClr val="0000FF"/>
    <a:srgbClr val="9999FF"/>
    <a:srgbClr val="F8F8F8"/>
    <a:srgbClr val="FF3300"/>
    <a:srgbClr val="FF5050"/>
    <a:srgbClr val="FF7C80"/>
    <a:srgbClr val="FEA172"/>
    <a:srgbClr val="FF00FF"/>
    <a:srgbClr val="FD753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7DF18680-E054-41AD-8BC1-D1AEF772440D}" styleName="中間スタイル 2 - アクセント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21E4AEA4-8DFA-4A89-87EB-49C32662AFE0}" styleName="中間スタイル 2 - アクセント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616DA210-FB5B-4158-B5E0-FEB733F419BA}" styleName="スタイル (淡色)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08FB837D-C827-4EFA-A057-4D05807E0F7C}" styleName="テーマ スタイル 1 - アクセント 6">
    <a:tblBg>
      <a:fillRef idx="2">
        <a:schemeClr val="accent6"/>
      </a:fillRef>
      <a:effectRef idx="1">
        <a:schemeClr val="accent6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Ref idx="1">
              <a:schemeClr val="accent6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6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  <a:fill>
          <a:solidFill>
            <a:schemeClr val="accent6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6"/>
            </a:lnRef>
          </a:left>
          <a:right>
            <a:lnRef idx="2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Ref idx="1">
              <a:schemeClr val="accent6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2">
              <a:schemeClr val="accent6"/>
            </a:lnRef>
          </a:top>
          <a:bottom>
            <a:lnRef idx="2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6"/>
          </a:solidFill>
        </a:fill>
      </a:tcStyle>
    </a:firstRow>
  </a:tblStyle>
  <a:tblStyle styleId="{2D5ABB26-0587-4C30-8999-92F81FD0307C}" styleName="スタイルなし、表のグリッド線なし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0505E3EF-67EA-436B-97B2-0124C06EBD24}" styleName="中間スタイル 4 - アクセント 3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 w="12700" cmpd="sng">
              <a:solidFill>
                <a:schemeClr val="accent3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3"/>
              </a:solidFill>
            </a:ln>
          </a:top>
        </a:tcBdr>
        <a:fill>
          <a:solidFill>
            <a:schemeClr val="accent3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3">
              <a:tint val="20000"/>
            </a:schemeClr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6765" autoAdjust="0"/>
    <p:restoredTop sz="97527" autoAdjust="0"/>
  </p:normalViewPr>
  <p:slideViewPr>
    <p:cSldViewPr snapToGrid="0">
      <p:cViewPr>
        <p:scale>
          <a:sx n="66" d="100"/>
          <a:sy n="66" d="100"/>
        </p:scale>
        <p:origin x="-1110" y="222"/>
      </p:cViewPr>
      <p:guideLst>
        <p:guide orient="horz" pos="4032"/>
        <p:guide pos="4032"/>
      </p:guideLst>
    </p:cSldViewPr>
  </p:slideViewPr>
  <p:outlineViewPr>
    <p:cViewPr>
      <p:scale>
        <a:sx n="25" d="100"/>
        <a:sy n="25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6324"/>
    </p:cViewPr>
  </p:sorterViewPr>
  <p:notesViewPr>
    <p:cSldViewPr snapToGrid="0">
      <p:cViewPr varScale="1">
        <p:scale>
          <a:sx n="76" d="100"/>
          <a:sy n="76" d="100"/>
        </p:scale>
        <p:origin x="-2166" y="-114"/>
      </p:cViewPr>
      <p:guideLst>
        <p:guide orient="horz" pos="3132"/>
        <p:guide pos="2142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presProps" Target="presProps.xml"/><Relationship Id="rId3" Type="http://schemas.openxmlformats.org/officeDocument/2006/relationships/customXml" Target="../customXml/item3.xml"/><Relationship Id="rId7" Type="http://schemas.openxmlformats.org/officeDocument/2006/relationships/handoutMaster" Target="handoutMasters/handoutMaster1.xml"/><Relationship Id="rId2" Type="http://schemas.openxmlformats.org/officeDocument/2006/relationships/customXml" Target="../customXml/item2.xml"/><Relationship Id="rId1" Type="http://schemas.openxmlformats.org/officeDocument/2006/relationships/customXml" Target="../customXml/item1.xml"/><Relationship Id="rId6" Type="http://schemas.openxmlformats.org/officeDocument/2006/relationships/notesMaster" Target="notesMasters/notesMaster1.xml"/><Relationship Id="rId11" Type="http://schemas.openxmlformats.org/officeDocument/2006/relationships/tableStyles" Target="tableStyles.xml"/><Relationship Id="rId5" Type="http://schemas.openxmlformats.org/officeDocument/2006/relationships/slide" Target="slides/slide1.xml"/><Relationship Id="rId10" Type="http://schemas.openxmlformats.org/officeDocument/2006/relationships/theme" Target="theme/theme1.xml"/><Relationship Id="rId4" Type="http://schemas.openxmlformats.org/officeDocument/2006/relationships/slideMaster" Target="slideMasters/slideMaster1.xml"/><Relationship Id="rId9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17" y="11"/>
            <a:ext cx="2949522" cy="497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091" tIns="45549" rIns="91091" bIns="45549" numCol="1" anchor="t" anchorCtr="0" compatLnSpc="1">
            <a:prstTxWarp prst="textNoShape">
              <a:avLst/>
            </a:prstTxWarp>
          </a:bodyPr>
          <a:lstStyle>
            <a:lvl1pPr algn="l">
              <a:spcBef>
                <a:spcPct val="0"/>
              </a:spcBef>
              <a:defRPr sz="11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6387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57692" y="11"/>
            <a:ext cx="2949522" cy="497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091" tIns="45549" rIns="91091" bIns="45549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defRPr sz="11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6388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17" y="9442224"/>
            <a:ext cx="2949522" cy="497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091" tIns="45549" rIns="91091" bIns="45549" numCol="1" anchor="b" anchorCtr="0" compatLnSpc="1">
            <a:prstTxWarp prst="textNoShape">
              <a:avLst/>
            </a:prstTxWarp>
          </a:bodyPr>
          <a:lstStyle>
            <a:lvl1pPr algn="l">
              <a:spcBef>
                <a:spcPct val="0"/>
              </a:spcBef>
              <a:defRPr sz="11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6389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57692" y="9442224"/>
            <a:ext cx="2949522" cy="49712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091" tIns="45549" rIns="91091" bIns="45549" numCol="1" anchor="b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defRPr sz="11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fld id="{1ED171E5-6038-47D7-BB4C-55B96FBC0910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3757608576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Rectangle 1026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24" y="12"/>
            <a:ext cx="2927175" cy="4604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847" tIns="45925" rIns="91847" bIns="45925" numCol="1" anchor="t" anchorCtr="0" compatLnSpc="1">
            <a:prstTxWarp prst="textNoShape">
              <a:avLst/>
            </a:prstTxWarp>
          </a:bodyPr>
          <a:lstStyle>
            <a:lvl1pPr algn="l" defTabSz="919033">
              <a:spcBef>
                <a:spcPct val="0"/>
              </a:spcBef>
              <a:defRPr sz="1100" b="1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0179" name="Rectangle 1027"/>
          <p:cNvSpPr>
            <a:spLocks noGrp="1" noChangeArrowheads="1"/>
          </p:cNvSpPr>
          <p:nvPr>
            <p:ph type="dt" idx="1"/>
          </p:nvPr>
        </p:nvSpPr>
        <p:spPr bwMode="auto">
          <a:xfrm>
            <a:off x="3851321" y="12"/>
            <a:ext cx="2925579" cy="4604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847" tIns="45925" rIns="91847" bIns="45925" numCol="1" anchor="t" anchorCtr="0" compatLnSpc="1">
            <a:prstTxWarp prst="textNoShape">
              <a:avLst/>
            </a:prstTxWarp>
          </a:bodyPr>
          <a:lstStyle>
            <a:lvl1pPr algn="r" defTabSz="919033">
              <a:spcBef>
                <a:spcPct val="0"/>
              </a:spcBef>
              <a:defRPr sz="1100" b="1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4036" name="Rectangle 1028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77900" y="768350"/>
            <a:ext cx="4903788" cy="36798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0181" name="Rectangle 1029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4126" y="4756184"/>
            <a:ext cx="5005246" cy="445023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847" tIns="45925" rIns="91847" bIns="4592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 noProof="0" smtClean="0"/>
              <a:t>マスタ テキストの書式設定</a:t>
            </a:r>
          </a:p>
          <a:p>
            <a:pPr lvl="1"/>
            <a:r>
              <a:rPr lang="ja-JP" altLang="en-US" noProof="0" smtClean="0"/>
              <a:t>第 </a:t>
            </a:r>
            <a:r>
              <a:rPr lang="en-US" altLang="ja-JP" noProof="0" smtClean="0"/>
              <a:t>2 </a:t>
            </a:r>
            <a:r>
              <a:rPr lang="ja-JP" altLang="en-US" noProof="0" smtClean="0"/>
              <a:t>レベル</a:t>
            </a:r>
          </a:p>
          <a:p>
            <a:pPr lvl="2"/>
            <a:r>
              <a:rPr lang="ja-JP" altLang="en-US" noProof="0" smtClean="0"/>
              <a:t>第 </a:t>
            </a:r>
            <a:r>
              <a:rPr lang="en-US" altLang="ja-JP" noProof="0" smtClean="0"/>
              <a:t>3 </a:t>
            </a:r>
            <a:r>
              <a:rPr lang="ja-JP" altLang="en-US" noProof="0" smtClean="0"/>
              <a:t>レベル</a:t>
            </a:r>
          </a:p>
          <a:p>
            <a:pPr lvl="3"/>
            <a:r>
              <a:rPr lang="ja-JP" altLang="en-US" noProof="0" smtClean="0"/>
              <a:t>第 </a:t>
            </a:r>
            <a:r>
              <a:rPr lang="en-US" altLang="ja-JP" noProof="0" smtClean="0"/>
              <a:t>4 </a:t>
            </a:r>
            <a:r>
              <a:rPr lang="ja-JP" altLang="en-US" noProof="0" smtClean="0"/>
              <a:t>レベル</a:t>
            </a:r>
          </a:p>
          <a:p>
            <a:pPr lvl="4"/>
            <a:r>
              <a:rPr lang="ja-JP" altLang="en-US" noProof="0" smtClean="0"/>
              <a:t>第 </a:t>
            </a:r>
            <a:r>
              <a:rPr lang="en-US" altLang="ja-JP" noProof="0" smtClean="0"/>
              <a:t>5 </a:t>
            </a:r>
            <a:r>
              <a:rPr lang="ja-JP" altLang="en-US" noProof="0" smtClean="0"/>
              <a:t>レベル</a:t>
            </a:r>
          </a:p>
        </p:txBody>
      </p:sp>
      <p:sp>
        <p:nvSpPr>
          <p:cNvPr id="50182" name="Rectangle 1030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24" y="9435866"/>
            <a:ext cx="2927175" cy="5369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847" tIns="45925" rIns="91847" bIns="45925" numCol="1" anchor="b" anchorCtr="0" compatLnSpc="1">
            <a:prstTxWarp prst="textNoShape">
              <a:avLst/>
            </a:prstTxWarp>
          </a:bodyPr>
          <a:lstStyle>
            <a:lvl1pPr algn="l" defTabSz="919033">
              <a:spcBef>
                <a:spcPct val="0"/>
              </a:spcBef>
              <a:defRPr sz="1100" b="1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0183" name="Rectangle 1031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51321" y="9435866"/>
            <a:ext cx="2925579" cy="53696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847" tIns="45925" rIns="91847" bIns="45925" numCol="1" anchor="b" anchorCtr="0" compatLnSpc="1">
            <a:prstTxWarp prst="textNoShape">
              <a:avLst/>
            </a:prstTxWarp>
          </a:bodyPr>
          <a:lstStyle>
            <a:lvl1pPr algn="r" defTabSz="919033">
              <a:spcBef>
                <a:spcPct val="0"/>
              </a:spcBef>
              <a:defRPr sz="1100" b="1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fld id="{27610A96-FF83-4980-BF71-6E06D98550EC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2273701338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eaLnBrk="0" fontAlgn="base" hangingPunct="0">
      <a:spcBef>
        <a:spcPct val="30000"/>
      </a:spcBef>
      <a:spcAft>
        <a:spcPct val="0"/>
      </a:spcAft>
      <a:defRPr kumimoji="1" sz="1700" kern="1200">
        <a:solidFill>
          <a:schemeClr val="tx1"/>
        </a:solidFill>
        <a:latin typeface="Times New Roman" pitchFamily="18" charset="0"/>
        <a:ea typeface="ＭＳ Ｐ明朝" pitchFamily="18" charset="-128"/>
        <a:cs typeface="+mn-cs"/>
      </a:defRPr>
    </a:lvl1pPr>
    <a:lvl2pPr marL="640080" algn="l" rtl="0" eaLnBrk="0" fontAlgn="base" hangingPunct="0">
      <a:spcBef>
        <a:spcPct val="30000"/>
      </a:spcBef>
      <a:spcAft>
        <a:spcPct val="0"/>
      </a:spcAft>
      <a:defRPr kumimoji="1" sz="1700" kern="1200">
        <a:solidFill>
          <a:schemeClr val="tx1"/>
        </a:solidFill>
        <a:latin typeface="Times New Roman" pitchFamily="18" charset="0"/>
        <a:ea typeface="ＭＳ Ｐ明朝" pitchFamily="18" charset="-128"/>
        <a:cs typeface="+mn-cs"/>
      </a:defRPr>
    </a:lvl2pPr>
    <a:lvl3pPr marL="1280160" algn="l" rtl="0" eaLnBrk="0" fontAlgn="base" hangingPunct="0">
      <a:spcBef>
        <a:spcPct val="30000"/>
      </a:spcBef>
      <a:spcAft>
        <a:spcPct val="0"/>
      </a:spcAft>
      <a:defRPr kumimoji="1" sz="1700" kern="1200">
        <a:solidFill>
          <a:schemeClr val="tx1"/>
        </a:solidFill>
        <a:latin typeface="Times New Roman" pitchFamily="18" charset="0"/>
        <a:ea typeface="ＭＳ Ｐ明朝" pitchFamily="18" charset="-128"/>
        <a:cs typeface="+mn-cs"/>
      </a:defRPr>
    </a:lvl3pPr>
    <a:lvl4pPr marL="1920240" algn="l" rtl="0" eaLnBrk="0" fontAlgn="base" hangingPunct="0">
      <a:spcBef>
        <a:spcPct val="30000"/>
      </a:spcBef>
      <a:spcAft>
        <a:spcPct val="0"/>
      </a:spcAft>
      <a:defRPr kumimoji="1" sz="1700" kern="1200">
        <a:solidFill>
          <a:schemeClr val="tx1"/>
        </a:solidFill>
        <a:latin typeface="Times New Roman" pitchFamily="18" charset="0"/>
        <a:ea typeface="ＭＳ Ｐ明朝" pitchFamily="18" charset="-128"/>
        <a:cs typeface="+mn-cs"/>
      </a:defRPr>
    </a:lvl4pPr>
    <a:lvl5pPr marL="2560320" algn="l" rtl="0" eaLnBrk="0" fontAlgn="base" hangingPunct="0">
      <a:spcBef>
        <a:spcPct val="30000"/>
      </a:spcBef>
      <a:spcAft>
        <a:spcPct val="0"/>
      </a:spcAft>
      <a:defRPr kumimoji="1" sz="1700" kern="1200">
        <a:solidFill>
          <a:schemeClr val="tx1"/>
        </a:solidFill>
        <a:latin typeface="Times New Roman" pitchFamily="18" charset="0"/>
        <a:ea typeface="ＭＳ Ｐ明朝" pitchFamily="18" charset="-128"/>
        <a:cs typeface="+mn-cs"/>
      </a:defRPr>
    </a:lvl5pPr>
    <a:lvl6pPr marL="3200400" algn="l" defTabSz="1280160" rtl="0" eaLnBrk="1" latinLnBrk="0" hangingPunct="1">
      <a:defRPr kumimoji="1" sz="1700" kern="1200">
        <a:solidFill>
          <a:schemeClr val="tx1"/>
        </a:solidFill>
        <a:latin typeface="+mn-lt"/>
        <a:ea typeface="+mn-ea"/>
        <a:cs typeface="+mn-cs"/>
      </a:defRPr>
    </a:lvl6pPr>
    <a:lvl7pPr marL="3840480" algn="l" defTabSz="1280160" rtl="0" eaLnBrk="1" latinLnBrk="0" hangingPunct="1">
      <a:defRPr kumimoji="1" sz="1700" kern="1200">
        <a:solidFill>
          <a:schemeClr val="tx1"/>
        </a:solidFill>
        <a:latin typeface="+mn-lt"/>
        <a:ea typeface="+mn-ea"/>
        <a:cs typeface="+mn-cs"/>
      </a:defRPr>
    </a:lvl7pPr>
    <a:lvl8pPr marL="4480560" algn="l" defTabSz="1280160" rtl="0" eaLnBrk="1" latinLnBrk="0" hangingPunct="1">
      <a:defRPr kumimoji="1" sz="1700" kern="1200">
        <a:solidFill>
          <a:schemeClr val="tx1"/>
        </a:solidFill>
        <a:latin typeface="+mn-lt"/>
        <a:ea typeface="+mn-ea"/>
        <a:cs typeface="+mn-cs"/>
      </a:defRPr>
    </a:lvl8pPr>
    <a:lvl9pPr marL="5120640" algn="l" defTabSz="1280160" rtl="0" eaLnBrk="1" latinLnBrk="0" hangingPunct="1">
      <a:defRPr kumimoji="1" sz="17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 dirty="0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27610A96-FF83-4980-BF71-6E06D98550EC}" type="slidenum">
              <a:rPr lang="en-US" altLang="ja-JP" smtClean="0"/>
              <a:pPr>
                <a:defRPr/>
              </a:pPr>
              <a:t>0</a:t>
            </a:fld>
            <a:endParaRPr lang="en-US" altLang="ja-JP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960120" y="2982596"/>
            <a:ext cx="10881360" cy="2058035"/>
          </a:xfrm>
        </p:spPr>
        <p:txBody>
          <a:bodyPr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920240" y="5440680"/>
            <a:ext cx="8961120" cy="2453640"/>
          </a:xfrm>
        </p:spPr>
        <p:txBody>
          <a:bodyPr/>
          <a:lstStyle>
            <a:lvl1pPr marL="0" indent="0" algn="ctr">
              <a:buNone/>
              <a:defRPr/>
            </a:lvl1pPr>
            <a:lvl2pPr marL="640080" indent="0" algn="ctr">
              <a:buNone/>
              <a:defRPr/>
            </a:lvl2pPr>
            <a:lvl3pPr marL="1280160" indent="0" algn="ctr">
              <a:buNone/>
              <a:defRPr/>
            </a:lvl3pPr>
            <a:lvl4pPr marL="1920240" indent="0" algn="ctr">
              <a:buNone/>
              <a:defRPr/>
            </a:lvl4pPr>
            <a:lvl5pPr marL="2560320" indent="0" algn="ctr">
              <a:buNone/>
              <a:defRPr/>
            </a:lvl5pPr>
            <a:lvl6pPr marL="3200400" indent="0" algn="ctr">
              <a:buNone/>
              <a:defRPr/>
            </a:lvl6pPr>
            <a:lvl7pPr marL="3840480" indent="0" algn="ctr">
              <a:buNone/>
              <a:defRPr/>
            </a:lvl7pPr>
            <a:lvl8pPr marL="4480560" indent="0" algn="ctr">
              <a:buNone/>
              <a:defRPr/>
            </a:lvl8pPr>
            <a:lvl9pPr marL="5120640" indent="0" algn="ctr">
              <a:buNone/>
              <a:defRPr/>
            </a:lvl9pPr>
          </a:lstStyle>
          <a:p>
            <a:r>
              <a:rPr lang="ja-JP" altLang="en-US" smtClean="0"/>
              <a:t>マスタ サブタイトルの書式設定</a:t>
            </a:r>
            <a:endParaRPr lang="ja-JP" alt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581A849-CF86-41F2-B47B-55EDF03543DB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4463310-EB5C-4003-A29B-5E2FC139EF5D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25D9E0B-6E1B-4B59-BAAF-32931F049C25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7D3CC9-EE58-4A49-B58B-3BF662B414F1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9121140" y="853440"/>
            <a:ext cx="2720340" cy="7680960"/>
          </a:xfrm>
        </p:spPr>
        <p:txBody>
          <a:bodyPr vert="eaVert"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960120" y="853440"/>
            <a:ext cx="7947660" cy="7680960"/>
          </a:xfrm>
        </p:spPr>
        <p:txBody>
          <a:bodyPr vert="eaVert"/>
          <a:lstStyle/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9491E69-54BD-4CC6-9F87-D0FAB4D2587E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C137B6E-CC4D-4F5D-A0A2-63B5583B8C15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D34481A-5DCB-484E-87AB-6C32D40440A1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BB7E879-3928-44E7-8705-D85255519EA4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011238" y="6169661"/>
            <a:ext cx="10881360" cy="1906905"/>
          </a:xfrm>
        </p:spPr>
        <p:txBody>
          <a:bodyPr anchor="t"/>
          <a:lstStyle>
            <a:lvl1pPr algn="l">
              <a:defRPr sz="5600" b="1" cap="all"/>
            </a:lvl1pPr>
          </a:lstStyle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1011238" y="4069399"/>
            <a:ext cx="10881360" cy="2100262"/>
          </a:xfrm>
        </p:spPr>
        <p:txBody>
          <a:bodyPr anchor="b"/>
          <a:lstStyle>
            <a:lvl1pPr marL="0" indent="0">
              <a:buNone/>
              <a:defRPr sz="2800"/>
            </a:lvl1pPr>
            <a:lvl2pPr marL="640080" indent="0">
              <a:buNone/>
              <a:defRPr sz="2500"/>
            </a:lvl2pPr>
            <a:lvl3pPr marL="1280160" indent="0">
              <a:buNone/>
              <a:defRPr sz="2200"/>
            </a:lvl3pPr>
            <a:lvl4pPr marL="1920240" indent="0">
              <a:buNone/>
              <a:defRPr sz="2000"/>
            </a:lvl4pPr>
            <a:lvl5pPr marL="2560320" indent="0">
              <a:buNone/>
              <a:defRPr sz="2000"/>
            </a:lvl5pPr>
            <a:lvl6pPr marL="3200400" indent="0">
              <a:buNone/>
              <a:defRPr sz="2000"/>
            </a:lvl6pPr>
            <a:lvl7pPr marL="3840480" indent="0">
              <a:buNone/>
              <a:defRPr sz="2000"/>
            </a:lvl7pPr>
            <a:lvl8pPr marL="4480560" indent="0">
              <a:buNone/>
              <a:defRPr sz="2000"/>
            </a:lvl8pPr>
            <a:lvl9pPr marL="5120640" indent="0">
              <a:buNone/>
              <a:defRPr sz="20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1FFC4CD-14B2-46BD-AA7F-C15281BBA4C8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0FAE64B-8AFB-48FC-8EFD-E7EA26EFBC17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half" idx="1"/>
          </p:nvPr>
        </p:nvSpPr>
        <p:spPr>
          <a:xfrm>
            <a:off x="960120" y="2773680"/>
            <a:ext cx="5334000" cy="5760720"/>
          </a:xfrm>
        </p:spPr>
        <p:txBody>
          <a:bodyPr/>
          <a:lstStyle>
            <a:lvl1pPr>
              <a:defRPr sz="3900"/>
            </a:lvl1pPr>
            <a:lvl2pPr>
              <a:defRPr sz="3400"/>
            </a:lvl2pPr>
            <a:lvl3pPr>
              <a:defRPr sz="28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6507480" y="2773680"/>
            <a:ext cx="5334000" cy="5760720"/>
          </a:xfrm>
        </p:spPr>
        <p:txBody>
          <a:bodyPr/>
          <a:lstStyle>
            <a:lvl1pPr>
              <a:defRPr sz="3900"/>
            </a:lvl1pPr>
            <a:lvl2pPr>
              <a:defRPr sz="3400"/>
            </a:lvl2pPr>
            <a:lvl3pPr>
              <a:defRPr sz="28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AAED2D3-728B-4647-9D59-EB257B3D4EB0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CF71649-622B-4CF2-9D66-5FB687CDD2ED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0080" y="384493"/>
            <a:ext cx="11521440" cy="1600200"/>
          </a:xfrm>
        </p:spPr>
        <p:txBody>
          <a:bodyPr/>
          <a:lstStyle>
            <a:lvl1pPr>
              <a:defRPr/>
            </a:lvl1pPr>
          </a:lstStyle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640080" y="2149158"/>
            <a:ext cx="5656263" cy="895667"/>
          </a:xfrm>
        </p:spPr>
        <p:txBody>
          <a:bodyPr anchor="b"/>
          <a:lstStyle>
            <a:lvl1pPr marL="0" indent="0">
              <a:buNone/>
              <a:defRPr sz="3400" b="1"/>
            </a:lvl1pPr>
            <a:lvl2pPr marL="640080" indent="0">
              <a:buNone/>
              <a:defRPr sz="2800" b="1"/>
            </a:lvl2pPr>
            <a:lvl3pPr marL="1280160" indent="0">
              <a:buNone/>
              <a:defRPr sz="2500" b="1"/>
            </a:lvl3pPr>
            <a:lvl4pPr marL="1920240" indent="0">
              <a:buNone/>
              <a:defRPr sz="2200" b="1"/>
            </a:lvl4pPr>
            <a:lvl5pPr marL="2560320" indent="0">
              <a:buNone/>
              <a:defRPr sz="2200" b="1"/>
            </a:lvl5pPr>
            <a:lvl6pPr marL="3200400" indent="0">
              <a:buNone/>
              <a:defRPr sz="2200" b="1"/>
            </a:lvl6pPr>
            <a:lvl7pPr marL="3840480" indent="0">
              <a:buNone/>
              <a:defRPr sz="2200" b="1"/>
            </a:lvl7pPr>
            <a:lvl8pPr marL="4480560" indent="0">
              <a:buNone/>
              <a:defRPr sz="2200" b="1"/>
            </a:lvl8pPr>
            <a:lvl9pPr marL="5120640" indent="0">
              <a:buNone/>
              <a:defRPr sz="2200" b="1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640080" y="3044825"/>
            <a:ext cx="5656263" cy="5531803"/>
          </a:xfrm>
        </p:spPr>
        <p:txBody>
          <a:bodyPr/>
          <a:lstStyle>
            <a:lvl1pPr>
              <a:defRPr sz="3400"/>
            </a:lvl1pPr>
            <a:lvl2pPr>
              <a:defRPr sz="2800"/>
            </a:lvl2pPr>
            <a:lvl3pPr>
              <a:defRPr sz="2500"/>
            </a:lvl3pPr>
            <a:lvl4pPr>
              <a:defRPr sz="2200"/>
            </a:lvl4pPr>
            <a:lvl5pPr>
              <a:defRPr sz="2200"/>
            </a:lvl5pPr>
            <a:lvl6pPr>
              <a:defRPr sz="2200"/>
            </a:lvl6pPr>
            <a:lvl7pPr>
              <a:defRPr sz="2200"/>
            </a:lvl7pPr>
            <a:lvl8pPr>
              <a:defRPr sz="2200"/>
            </a:lvl8pPr>
            <a:lvl9pPr>
              <a:defRPr sz="22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5" name="テキス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6503036" y="2149158"/>
            <a:ext cx="5658485" cy="895667"/>
          </a:xfrm>
        </p:spPr>
        <p:txBody>
          <a:bodyPr anchor="b"/>
          <a:lstStyle>
            <a:lvl1pPr marL="0" indent="0">
              <a:buNone/>
              <a:defRPr sz="3400" b="1"/>
            </a:lvl1pPr>
            <a:lvl2pPr marL="640080" indent="0">
              <a:buNone/>
              <a:defRPr sz="2800" b="1"/>
            </a:lvl2pPr>
            <a:lvl3pPr marL="1280160" indent="0">
              <a:buNone/>
              <a:defRPr sz="2500" b="1"/>
            </a:lvl3pPr>
            <a:lvl4pPr marL="1920240" indent="0">
              <a:buNone/>
              <a:defRPr sz="2200" b="1"/>
            </a:lvl4pPr>
            <a:lvl5pPr marL="2560320" indent="0">
              <a:buNone/>
              <a:defRPr sz="2200" b="1"/>
            </a:lvl5pPr>
            <a:lvl6pPr marL="3200400" indent="0">
              <a:buNone/>
              <a:defRPr sz="2200" b="1"/>
            </a:lvl6pPr>
            <a:lvl7pPr marL="3840480" indent="0">
              <a:buNone/>
              <a:defRPr sz="2200" b="1"/>
            </a:lvl7pPr>
            <a:lvl8pPr marL="4480560" indent="0">
              <a:buNone/>
              <a:defRPr sz="2200" b="1"/>
            </a:lvl8pPr>
            <a:lvl9pPr marL="5120640" indent="0">
              <a:buNone/>
              <a:defRPr sz="2200" b="1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6" name="コンテンツ プレースホルダ 5"/>
          <p:cNvSpPr>
            <a:spLocks noGrp="1"/>
          </p:cNvSpPr>
          <p:nvPr>
            <p:ph sz="quarter" idx="4"/>
          </p:nvPr>
        </p:nvSpPr>
        <p:spPr>
          <a:xfrm>
            <a:off x="6503036" y="3044825"/>
            <a:ext cx="5658485" cy="5531803"/>
          </a:xfrm>
        </p:spPr>
        <p:txBody>
          <a:bodyPr/>
          <a:lstStyle>
            <a:lvl1pPr>
              <a:defRPr sz="3400"/>
            </a:lvl1pPr>
            <a:lvl2pPr>
              <a:defRPr sz="2800"/>
            </a:lvl2pPr>
            <a:lvl3pPr>
              <a:defRPr sz="2500"/>
            </a:lvl3pPr>
            <a:lvl4pPr>
              <a:defRPr sz="2200"/>
            </a:lvl4pPr>
            <a:lvl5pPr>
              <a:defRPr sz="2200"/>
            </a:lvl5pPr>
            <a:lvl6pPr>
              <a:defRPr sz="2200"/>
            </a:lvl6pPr>
            <a:lvl7pPr>
              <a:defRPr sz="2200"/>
            </a:lvl7pPr>
            <a:lvl8pPr>
              <a:defRPr sz="2200"/>
            </a:lvl8pPr>
            <a:lvl9pPr>
              <a:defRPr sz="22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A707B7E-4BB0-4A30-BF91-1A15028D1DF5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6A8136B-327C-4B6A-999E-24871904AC7E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854CCFC-DCF3-45A1-9F04-A00C8FF7390E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5665EA9-2167-4244-87AC-51D22C317CF4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BF56FE4-3F30-413D-BCB4-630E2D94E66A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890EA97-644C-4C5F-9917-8D1363121215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0081" y="382270"/>
            <a:ext cx="4211638" cy="1626870"/>
          </a:xfrm>
        </p:spPr>
        <p:txBody>
          <a:bodyPr anchor="b"/>
          <a:lstStyle>
            <a:lvl1pPr algn="l">
              <a:defRPr sz="2800" b="1"/>
            </a:lvl1pPr>
          </a:lstStyle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5005070" y="382271"/>
            <a:ext cx="7156450" cy="8194358"/>
          </a:xfrm>
        </p:spPr>
        <p:txBody>
          <a:bodyPr/>
          <a:lstStyle>
            <a:lvl1pPr>
              <a:defRPr sz="4500"/>
            </a:lvl1pPr>
            <a:lvl2pPr>
              <a:defRPr sz="3900"/>
            </a:lvl2pPr>
            <a:lvl3pPr>
              <a:defRPr sz="3400"/>
            </a:lvl3pPr>
            <a:lvl4pPr>
              <a:defRPr sz="2800"/>
            </a:lvl4pPr>
            <a:lvl5pPr>
              <a:defRPr sz="2800"/>
            </a:lvl5pPr>
            <a:lvl6pPr>
              <a:defRPr sz="2800"/>
            </a:lvl6pPr>
            <a:lvl7pPr>
              <a:defRPr sz="2800"/>
            </a:lvl7pPr>
            <a:lvl8pPr>
              <a:defRPr sz="2800"/>
            </a:lvl8pPr>
            <a:lvl9pPr>
              <a:defRPr sz="28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640081" y="2009141"/>
            <a:ext cx="4211638" cy="6567488"/>
          </a:xfrm>
        </p:spPr>
        <p:txBody>
          <a:bodyPr/>
          <a:lstStyle>
            <a:lvl1pPr marL="0" indent="0">
              <a:buNone/>
              <a:defRPr sz="2000"/>
            </a:lvl1pPr>
            <a:lvl2pPr marL="640080" indent="0">
              <a:buNone/>
              <a:defRPr sz="1700"/>
            </a:lvl2pPr>
            <a:lvl3pPr marL="1280160" indent="0">
              <a:buNone/>
              <a:defRPr sz="1400"/>
            </a:lvl3pPr>
            <a:lvl4pPr marL="1920240" indent="0">
              <a:buNone/>
              <a:defRPr sz="1300"/>
            </a:lvl4pPr>
            <a:lvl5pPr marL="2560320" indent="0">
              <a:buNone/>
              <a:defRPr sz="1300"/>
            </a:lvl5pPr>
            <a:lvl6pPr marL="3200400" indent="0">
              <a:buNone/>
              <a:defRPr sz="1300"/>
            </a:lvl6pPr>
            <a:lvl7pPr marL="3840480" indent="0">
              <a:buNone/>
              <a:defRPr sz="1300"/>
            </a:lvl7pPr>
            <a:lvl8pPr marL="4480560" indent="0">
              <a:buNone/>
              <a:defRPr sz="1300"/>
            </a:lvl8pPr>
            <a:lvl9pPr marL="5120640" indent="0">
              <a:buNone/>
              <a:defRPr sz="13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5FC9E99-D38E-4697-BB9B-E7E99A064065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E48DB2C-8070-4F62-8350-955C2AF4D3DC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509203" y="6720840"/>
            <a:ext cx="7680960" cy="793433"/>
          </a:xfrm>
        </p:spPr>
        <p:txBody>
          <a:bodyPr anchor="b"/>
          <a:lstStyle>
            <a:lvl1pPr algn="l">
              <a:defRPr sz="2800" b="1"/>
            </a:lvl1pPr>
          </a:lstStyle>
          <a:p>
            <a:r>
              <a:rPr lang="ja-JP" altLang="en-US" smtClean="0"/>
              <a:t>マスタ タイトルの書式設定</a:t>
            </a:r>
            <a:endParaRPr lang="ja-JP" altLang="en-US"/>
          </a:p>
        </p:txBody>
      </p:sp>
      <p:sp>
        <p:nvSpPr>
          <p:cNvPr id="3" name="図プレースホルダ 2"/>
          <p:cNvSpPr>
            <a:spLocks noGrp="1"/>
          </p:cNvSpPr>
          <p:nvPr>
            <p:ph type="pic" idx="1"/>
          </p:nvPr>
        </p:nvSpPr>
        <p:spPr>
          <a:xfrm>
            <a:off x="2509203" y="857885"/>
            <a:ext cx="7680960" cy="5760720"/>
          </a:xfrm>
        </p:spPr>
        <p:txBody>
          <a:bodyPr/>
          <a:lstStyle>
            <a:lvl1pPr marL="0" indent="0">
              <a:buNone/>
              <a:defRPr sz="4500"/>
            </a:lvl1pPr>
            <a:lvl2pPr marL="640080" indent="0">
              <a:buNone/>
              <a:defRPr sz="3900"/>
            </a:lvl2pPr>
            <a:lvl3pPr marL="1280160" indent="0">
              <a:buNone/>
              <a:defRPr sz="3400"/>
            </a:lvl3pPr>
            <a:lvl4pPr marL="1920240" indent="0">
              <a:buNone/>
              <a:defRPr sz="2800"/>
            </a:lvl4pPr>
            <a:lvl5pPr marL="2560320" indent="0">
              <a:buNone/>
              <a:defRPr sz="2800"/>
            </a:lvl5pPr>
            <a:lvl6pPr marL="3200400" indent="0">
              <a:buNone/>
              <a:defRPr sz="2800"/>
            </a:lvl6pPr>
            <a:lvl7pPr marL="3840480" indent="0">
              <a:buNone/>
              <a:defRPr sz="2800"/>
            </a:lvl7pPr>
            <a:lvl8pPr marL="4480560" indent="0">
              <a:buNone/>
              <a:defRPr sz="2800"/>
            </a:lvl8pPr>
            <a:lvl9pPr marL="5120640" indent="0">
              <a:buNone/>
              <a:defRPr sz="2800"/>
            </a:lvl9pPr>
          </a:lstStyle>
          <a:p>
            <a:pPr lvl="0"/>
            <a:endParaRPr lang="ja-JP" altLang="en-US" noProof="0" smtClean="0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2509203" y="7514273"/>
            <a:ext cx="7680960" cy="1126807"/>
          </a:xfrm>
        </p:spPr>
        <p:txBody>
          <a:bodyPr/>
          <a:lstStyle>
            <a:lvl1pPr marL="0" indent="0">
              <a:buNone/>
              <a:defRPr sz="2000"/>
            </a:lvl1pPr>
            <a:lvl2pPr marL="640080" indent="0">
              <a:buNone/>
              <a:defRPr sz="1700"/>
            </a:lvl2pPr>
            <a:lvl3pPr marL="1280160" indent="0">
              <a:buNone/>
              <a:defRPr sz="1400"/>
            </a:lvl3pPr>
            <a:lvl4pPr marL="1920240" indent="0">
              <a:buNone/>
              <a:defRPr sz="1300"/>
            </a:lvl4pPr>
            <a:lvl5pPr marL="2560320" indent="0">
              <a:buNone/>
              <a:defRPr sz="1300"/>
            </a:lvl5pPr>
            <a:lvl6pPr marL="3200400" indent="0">
              <a:buNone/>
              <a:defRPr sz="1300"/>
            </a:lvl6pPr>
            <a:lvl7pPr marL="3840480" indent="0">
              <a:buNone/>
              <a:defRPr sz="1300"/>
            </a:lvl7pPr>
            <a:lvl8pPr marL="4480560" indent="0">
              <a:buNone/>
              <a:defRPr sz="1300"/>
            </a:lvl8pPr>
            <a:lvl9pPr marL="5120640" indent="0">
              <a:buNone/>
              <a:defRPr sz="1300"/>
            </a:lvl9pPr>
          </a:lstStyle>
          <a:p>
            <a:pPr lvl="0"/>
            <a:r>
              <a:rPr lang="ja-JP" altLang="en-US" smtClean="0"/>
              <a:t>マスタ テキストの書式設定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3169C40-FE33-45D1-9D31-364CA78FAB88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6C1CFAD-D3F8-4788-883C-A9595F30D9B7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960120" y="853440"/>
            <a:ext cx="10881360" cy="160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28016" tIns="64008" rIns="128016" bIns="6400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 smtClean="0"/>
              <a:t>マスタ タイトルの書式設定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60120" y="2773680"/>
            <a:ext cx="10881360" cy="57607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128016" tIns="64008" rIns="128016" bIns="6400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ja-JP" altLang="en-US" smtClean="0"/>
              <a:t>マスタ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960120" y="8747760"/>
            <a:ext cx="2667000" cy="640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28016" tIns="64008" rIns="128016" bIns="64008" numCol="1" anchor="t" anchorCtr="0" compatLnSpc="1">
            <a:prstTxWarp prst="textNoShape">
              <a:avLst/>
            </a:prstTxWarp>
          </a:bodyPr>
          <a:lstStyle>
            <a:lvl1pPr algn="l">
              <a:spcBef>
                <a:spcPct val="0"/>
              </a:spcBef>
              <a:defRPr sz="20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4373880" y="9281160"/>
            <a:ext cx="4053840" cy="32004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28016" tIns="64008" rIns="128016" bIns="64008" numCol="1" anchor="t" anchorCtr="0" compatLnSpc="1">
            <a:prstTxWarp prst="textNoShape">
              <a:avLst/>
            </a:prstTxWarp>
          </a:bodyPr>
          <a:lstStyle>
            <a:lvl1pPr algn="ctr">
              <a:spcBef>
                <a:spcPct val="0"/>
              </a:spcBef>
              <a:defRPr sz="17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fld id="{F39F952E-6E68-4E14-9C48-EC0925D25DE3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9174480" y="8747760"/>
            <a:ext cx="2667000" cy="640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128016" tIns="64008" rIns="128016" bIns="64008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defRPr sz="2000">
                <a:latin typeface="Times New Roman" pitchFamily="18" charset="0"/>
                <a:ea typeface="ＭＳ Ｐゴシック" pitchFamily="50" charset="-128"/>
              </a:defRPr>
            </a:lvl1pPr>
          </a:lstStyle>
          <a:p>
            <a:pPr>
              <a:defRPr/>
            </a:pPr>
            <a:fld id="{E2CA8179-FA39-499A-819A-4ED655E0AF29}" type="slidenum">
              <a:rPr lang="en-US" altLang="ja-JP"/>
              <a:pPr>
                <a:defRPr/>
              </a:pPr>
              <a:t>‹#›</a:t>
            </a:fld>
            <a:endParaRPr lang="en-US" altLang="ja-JP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5pPr>
      <a:lvl6pPr marL="640080" algn="ctr" rtl="0" fontAlgn="base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6pPr>
      <a:lvl7pPr marL="1280160" algn="ctr" rtl="0" fontAlgn="base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7pPr>
      <a:lvl8pPr marL="1920240" algn="ctr" rtl="0" fontAlgn="base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8pPr>
      <a:lvl9pPr marL="2560320" algn="ctr" rtl="0" fontAlgn="base">
        <a:spcBef>
          <a:spcPct val="0"/>
        </a:spcBef>
        <a:spcAft>
          <a:spcPct val="0"/>
        </a:spcAft>
        <a:defRPr kumimoji="1" sz="6200">
          <a:solidFill>
            <a:schemeClr val="tx2"/>
          </a:solidFill>
          <a:latin typeface="Times New Roman" pitchFamily="18" charset="0"/>
          <a:ea typeface="ＭＳ Ｐゴシック" pitchFamily="50" charset="-128"/>
        </a:defRPr>
      </a:lvl9pPr>
    </p:titleStyle>
    <p:bodyStyle>
      <a:lvl1pPr marL="480060" indent="-480060" algn="l" rtl="0" eaLnBrk="0" fontAlgn="base" hangingPunct="0">
        <a:spcBef>
          <a:spcPct val="20000"/>
        </a:spcBef>
        <a:spcAft>
          <a:spcPct val="0"/>
        </a:spcAft>
        <a:buChar char="•"/>
        <a:defRPr kumimoji="1" sz="4500">
          <a:solidFill>
            <a:schemeClr val="tx1"/>
          </a:solidFill>
          <a:latin typeface="+mn-lt"/>
          <a:ea typeface="+mn-ea"/>
          <a:cs typeface="+mn-cs"/>
        </a:defRPr>
      </a:lvl1pPr>
      <a:lvl2pPr marL="1040130" indent="-400050" algn="l" rtl="0" eaLnBrk="0" fontAlgn="base" hangingPunct="0">
        <a:spcBef>
          <a:spcPct val="20000"/>
        </a:spcBef>
        <a:spcAft>
          <a:spcPct val="0"/>
        </a:spcAft>
        <a:buChar char="–"/>
        <a:defRPr kumimoji="1" sz="3900">
          <a:solidFill>
            <a:schemeClr val="tx1"/>
          </a:solidFill>
          <a:latin typeface="+mn-lt"/>
          <a:ea typeface="+mn-ea"/>
        </a:defRPr>
      </a:lvl2pPr>
      <a:lvl3pPr marL="1600200" indent="-320040" algn="l" rtl="0" eaLnBrk="0" fontAlgn="base" hangingPunct="0">
        <a:spcBef>
          <a:spcPct val="20000"/>
        </a:spcBef>
        <a:spcAft>
          <a:spcPct val="0"/>
        </a:spcAft>
        <a:buChar char="•"/>
        <a:defRPr kumimoji="1" sz="3400">
          <a:solidFill>
            <a:schemeClr val="tx1"/>
          </a:solidFill>
          <a:latin typeface="+mn-lt"/>
          <a:ea typeface="+mn-ea"/>
        </a:defRPr>
      </a:lvl3pPr>
      <a:lvl4pPr marL="2240280" indent="-320040" algn="l" rtl="0" eaLnBrk="0" fontAlgn="base" hangingPunct="0">
        <a:spcBef>
          <a:spcPct val="20000"/>
        </a:spcBef>
        <a:spcAft>
          <a:spcPct val="0"/>
        </a:spcAft>
        <a:buChar char="–"/>
        <a:defRPr kumimoji="1" sz="2800">
          <a:solidFill>
            <a:schemeClr val="tx1"/>
          </a:solidFill>
          <a:latin typeface="+mn-lt"/>
          <a:ea typeface="+mn-ea"/>
        </a:defRPr>
      </a:lvl4pPr>
      <a:lvl5pPr marL="2880360" indent="-320040" algn="l" rtl="0" eaLnBrk="0" fontAlgn="base" hangingPunct="0">
        <a:spcBef>
          <a:spcPct val="20000"/>
        </a:spcBef>
        <a:spcAft>
          <a:spcPct val="0"/>
        </a:spcAft>
        <a:buChar char="»"/>
        <a:defRPr kumimoji="1" sz="2800">
          <a:solidFill>
            <a:schemeClr val="tx1"/>
          </a:solidFill>
          <a:latin typeface="+mn-lt"/>
          <a:ea typeface="+mn-ea"/>
        </a:defRPr>
      </a:lvl5pPr>
      <a:lvl6pPr marL="3520440" indent="-320040" algn="l" rtl="0" fontAlgn="base">
        <a:spcBef>
          <a:spcPct val="20000"/>
        </a:spcBef>
        <a:spcAft>
          <a:spcPct val="0"/>
        </a:spcAft>
        <a:buChar char="»"/>
        <a:defRPr kumimoji="1" sz="2800">
          <a:solidFill>
            <a:schemeClr val="tx1"/>
          </a:solidFill>
          <a:latin typeface="+mn-lt"/>
          <a:ea typeface="+mn-ea"/>
        </a:defRPr>
      </a:lvl6pPr>
      <a:lvl7pPr marL="4160520" indent="-320040" algn="l" rtl="0" fontAlgn="base">
        <a:spcBef>
          <a:spcPct val="20000"/>
        </a:spcBef>
        <a:spcAft>
          <a:spcPct val="0"/>
        </a:spcAft>
        <a:buChar char="»"/>
        <a:defRPr kumimoji="1" sz="2800">
          <a:solidFill>
            <a:schemeClr val="tx1"/>
          </a:solidFill>
          <a:latin typeface="+mn-lt"/>
          <a:ea typeface="+mn-ea"/>
        </a:defRPr>
      </a:lvl7pPr>
      <a:lvl8pPr marL="4800600" indent="-320040" algn="l" rtl="0" fontAlgn="base">
        <a:spcBef>
          <a:spcPct val="20000"/>
        </a:spcBef>
        <a:spcAft>
          <a:spcPct val="0"/>
        </a:spcAft>
        <a:buChar char="»"/>
        <a:defRPr kumimoji="1" sz="2800">
          <a:solidFill>
            <a:schemeClr val="tx1"/>
          </a:solidFill>
          <a:latin typeface="+mn-lt"/>
          <a:ea typeface="+mn-ea"/>
        </a:defRPr>
      </a:lvl8pPr>
      <a:lvl9pPr marL="5440680" indent="-320040" algn="l" rtl="0" fontAlgn="base">
        <a:spcBef>
          <a:spcPct val="20000"/>
        </a:spcBef>
        <a:spcAft>
          <a:spcPct val="0"/>
        </a:spcAft>
        <a:buChar char="»"/>
        <a:defRPr kumimoji="1" sz="2800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ja-JP"/>
      </a:defPPr>
      <a:lvl1pPr marL="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2pPr>
      <a:lvl3pPr marL="128016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3pPr>
      <a:lvl4pPr marL="192024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4pPr>
      <a:lvl5pPr marL="256032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5pPr>
      <a:lvl6pPr marL="320040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6pPr>
      <a:lvl7pPr marL="384048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7pPr>
      <a:lvl8pPr marL="448056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8pPr>
      <a:lvl9pPr marL="5120640" algn="l" defTabSz="1280160" rtl="0" eaLnBrk="1" latinLnBrk="0" hangingPunct="1">
        <a:defRPr kumimoji="1" sz="25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13" Type="http://schemas.openxmlformats.org/officeDocument/2006/relationships/image" Target="../media/image11.jpeg"/><Relationship Id="rId3" Type="http://schemas.openxmlformats.org/officeDocument/2006/relationships/image" Target="../media/image1.png"/><Relationship Id="rId7" Type="http://schemas.openxmlformats.org/officeDocument/2006/relationships/image" Target="../media/image5.png"/><Relationship Id="rId12" Type="http://schemas.openxmlformats.org/officeDocument/2006/relationships/image" Target="../media/image10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tiff"/><Relationship Id="rId11" Type="http://schemas.openxmlformats.org/officeDocument/2006/relationships/image" Target="../media/image9.png"/><Relationship Id="rId5" Type="http://schemas.openxmlformats.org/officeDocument/2006/relationships/image" Target="../media/image3.jpeg"/><Relationship Id="rId10" Type="http://schemas.openxmlformats.org/officeDocument/2006/relationships/image" Target="../media/image8.png"/><Relationship Id="rId4" Type="http://schemas.openxmlformats.org/officeDocument/2006/relationships/image" Target="../media/image2.emf"/><Relationship Id="rId9" Type="http://schemas.openxmlformats.org/officeDocument/2006/relationships/image" Target="../media/image7.jpeg"/><Relationship Id="rId14" Type="http://schemas.openxmlformats.org/officeDocument/2006/relationships/image" Target="../media/image1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6004" y="1058898"/>
            <a:ext cx="10980737" cy="83899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正方形/長方形 5"/>
          <p:cNvSpPr/>
          <p:nvPr/>
        </p:nvSpPr>
        <p:spPr bwMode="auto">
          <a:xfrm>
            <a:off x="7994460" y="8092534"/>
            <a:ext cx="2571750" cy="91127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6" name="フリーフォーム 25"/>
          <p:cNvSpPr/>
          <p:nvPr/>
        </p:nvSpPr>
        <p:spPr bwMode="auto">
          <a:xfrm>
            <a:off x="4093030" y="2293258"/>
            <a:ext cx="4165600" cy="5377345"/>
          </a:xfrm>
          <a:custGeom>
            <a:avLst/>
            <a:gdLst>
              <a:gd name="connsiteX0" fmla="*/ 0 w 7678057"/>
              <a:gd name="connsiteY0" fmla="*/ 2191658 h 3336315"/>
              <a:gd name="connsiteX1" fmla="*/ 4876800 w 7678057"/>
              <a:gd name="connsiteY1" fmla="*/ 3236686 h 3336315"/>
              <a:gd name="connsiteX2" fmla="*/ 7678057 w 7678057"/>
              <a:gd name="connsiteY2" fmla="*/ 0 h 3336315"/>
              <a:gd name="connsiteX0" fmla="*/ 0 w 7678057"/>
              <a:gd name="connsiteY0" fmla="*/ 2191658 h 3081773"/>
              <a:gd name="connsiteX1" fmla="*/ 4659086 w 7678057"/>
              <a:gd name="connsiteY1" fmla="*/ 2946400 h 3081773"/>
              <a:gd name="connsiteX2" fmla="*/ 7678057 w 7678057"/>
              <a:gd name="connsiteY2" fmla="*/ 0 h 3081773"/>
              <a:gd name="connsiteX0" fmla="*/ 0 w 7678057"/>
              <a:gd name="connsiteY0" fmla="*/ 2191658 h 2975343"/>
              <a:gd name="connsiteX1" fmla="*/ 4281715 w 7678057"/>
              <a:gd name="connsiteY1" fmla="*/ 2815772 h 2975343"/>
              <a:gd name="connsiteX2" fmla="*/ 7678057 w 7678057"/>
              <a:gd name="connsiteY2" fmla="*/ 0 h 2975343"/>
              <a:gd name="connsiteX0" fmla="*/ 0 w 7678057"/>
              <a:gd name="connsiteY0" fmla="*/ 2191658 h 3038550"/>
              <a:gd name="connsiteX1" fmla="*/ 1785257 w 7678057"/>
              <a:gd name="connsiteY1" fmla="*/ 2786743 h 3038550"/>
              <a:gd name="connsiteX2" fmla="*/ 4281715 w 7678057"/>
              <a:gd name="connsiteY2" fmla="*/ 2815772 h 3038550"/>
              <a:gd name="connsiteX3" fmla="*/ 7678057 w 7678057"/>
              <a:gd name="connsiteY3" fmla="*/ 0 h 3038550"/>
              <a:gd name="connsiteX0" fmla="*/ 0 w 7678057"/>
              <a:gd name="connsiteY0" fmla="*/ 2191658 h 3228276"/>
              <a:gd name="connsiteX1" fmla="*/ 1625600 w 7678057"/>
              <a:gd name="connsiteY1" fmla="*/ 3149600 h 3228276"/>
              <a:gd name="connsiteX2" fmla="*/ 4281715 w 7678057"/>
              <a:gd name="connsiteY2" fmla="*/ 2815772 h 3228276"/>
              <a:gd name="connsiteX3" fmla="*/ 7678057 w 7678057"/>
              <a:gd name="connsiteY3" fmla="*/ 0 h 3228276"/>
              <a:gd name="connsiteX0" fmla="*/ 0 w 7678057"/>
              <a:gd name="connsiteY0" fmla="*/ 2191658 h 3299135"/>
              <a:gd name="connsiteX1" fmla="*/ 1625600 w 7678057"/>
              <a:gd name="connsiteY1" fmla="*/ 3149600 h 3299135"/>
              <a:gd name="connsiteX2" fmla="*/ 4760686 w 7678057"/>
              <a:gd name="connsiteY2" fmla="*/ 2975429 h 3299135"/>
              <a:gd name="connsiteX3" fmla="*/ 7678057 w 7678057"/>
              <a:gd name="connsiteY3" fmla="*/ 0 h 3299135"/>
              <a:gd name="connsiteX0" fmla="*/ 0 w 7678057"/>
              <a:gd name="connsiteY0" fmla="*/ 2191658 h 3341152"/>
              <a:gd name="connsiteX1" fmla="*/ 1625600 w 7678057"/>
              <a:gd name="connsiteY1" fmla="*/ 3149600 h 3341152"/>
              <a:gd name="connsiteX2" fmla="*/ 5050972 w 7678057"/>
              <a:gd name="connsiteY2" fmla="*/ 3048000 h 3341152"/>
              <a:gd name="connsiteX3" fmla="*/ 7678057 w 7678057"/>
              <a:gd name="connsiteY3" fmla="*/ 0 h 3341152"/>
              <a:gd name="connsiteX0" fmla="*/ 2046911 w 6067368"/>
              <a:gd name="connsiteY0" fmla="*/ 5660573 h 5663860"/>
              <a:gd name="connsiteX1" fmla="*/ 14911 w 6067368"/>
              <a:gd name="connsiteY1" fmla="*/ 3149600 h 5663860"/>
              <a:gd name="connsiteX2" fmla="*/ 3440283 w 6067368"/>
              <a:gd name="connsiteY2" fmla="*/ 3048000 h 5663860"/>
              <a:gd name="connsiteX3" fmla="*/ 6067368 w 6067368"/>
              <a:gd name="connsiteY3" fmla="*/ 0 h 5663860"/>
              <a:gd name="connsiteX0" fmla="*/ 0 w 4020457"/>
              <a:gd name="connsiteY0" fmla="*/ 5660573 h 5667018"/>
              <a:gd name="connsiteX1" fmla="*/ 1117600 w 4020457"/>
              <a:gd name="connsiteY1" fmla="*/ 4252686 h 5667018"/>
              <a:gd name="connsiteX2" fmla="*/ 1393372 w 4020457"/>
              <a:gd name="connsiteY2" fmla="*/ 3048000 h 5667018"/>
              <a:gd name="connsiteX3" fmla="*/ 4020457 w 4020457"/>
              <a:gd name="connsiteY3" fmla="*/ 0 h 5667018"/>
              <a:gd name="connsiteX0" fmla="*/ 0 w 4020457"/>
              <a:gd name="connsiteY0" fmla="*/ 5660573 h 5668252"/>
              <a:gd name="connsiteX1" fmla="*/ 1117600 w 4020457"/>
              <a:gd name="connsiteY1" fmla="*/ 4252686 h 5668252"/>
              <a:gd name="connsiteX2" fmla="*/ 1393372 w 4020457"/>
              <a:gd name="connsiteY2" fmla="*/ 3048000 h 5668252"/>
              <a:gd name="connsiteX3" fmla="*/ 4020457 w 4020457"/>
              <a:gd name="connsiteY3" fmla="*/ 0 h 5668252"/>
              <a:gd name="connsiteX0" fmla="*/ 0 w 4020457"/>
              <a:gd name="connsiteY0" fmla="*/ 5660573 h 5668252"/>
              <a:gd name="connsiteX1" fmla="*/ 1117600 w 4020457"/>
              <a:gd name="connsiteY1" fmla="*/ 4252686 h 5668252"/>
              <a:gd name="connsiteX2" fmla="*/ 1393372 w 4020457"/>
              <a:gd name="connsiteY2" fmla="*/ 3048000 h 5668252"/>
              <a:gd name="connsiteX3" fmla="*/ 4020457 w 4020457"/>
              <a:gd name="connsiteY3" fmla="*/ 0 h 5668252"/>
              <a:gd name="connsiteX0" fmla="*/ 0 w 4020457"/>
              <a:gd name="connsiteY0" fmla="*/ 5660573 h 5668252"/>
              <a:gd name="connsiteX1" fmla="*/ 1117600 w 4020457"/>
              <a:gd name="connsiteY1" fmla="*/ 4252686 h 5668252"/>
              <a:gd name="connsiteX2" fmla="*/ 1393372 w 4020457"/>
              <a:gd name="connsiteY2" fmla="*/ 3048000 h 5668252"/>
              <a:gd name="connsiteX3" fmla="*/ 4020457 w 4020457"/>
              <a:gd name="connsiteY3" fmla="*/ 0 h 5668252"/>
              <a:gd name="connsiteX0" fmla="*/ 0 w 4020457"/>
              <a:gd name="connsiteY0" fmla="*/ 5660573 h 5667630"/>
              <a:gd name="connsiteX1" fmla="*/ 1117600 w 4020457"/>
              <a:gd name="connsiteY1" fmla="*/ 4252686 h 5667630"/>
              <a:gd name="connsiteX2" fmla="*/ 1393372 w 4020457"/>
              <a:gd name="connsiteY2" fmla="*/ 3048000 h 5667630"/>
              <a:gd name="connsiteX3" fmla="*/ 4020457 w 4020457"/>
              <a:gd name="connsiteY3" fmla="*/ 0 h 5667630"/>
              <a:gd name="connsiteX0" fmla="*/ 0 w 4223657"/>
              <a:gd name="connsiteY0" fmla="*/ 5660573 h 5667630"/>
              <a:gd name="connsiteX1" fmla="*/ 1117600 w 4223657"/>
              <a:gd name="connsiteY1" fmla="*/ 4252686 h 5667630"/>
              <a:gd name="connsiteX2" fmla="*/ 1393372 w 4223657"/>
              <a:gd name="connsiteY2" fmla="*/ 3048000 h 5667630"/>
              <a:gd name="connsiteX3" fmla="*/ 4223657 w 4223657"/>
              <a:gd name="connsiteY3" fmla="*/ 0 h 5667630"/>
              <a:gd name="connsiteX0" fmla="*/ 0 w 4223657"/>
              <a:gd name="connsiteY0" fmla="*/ 5660573 h 5667630"/>
              <a:gd name="connsiteX1" fmla="*/ 1117600 w 4223657"/>
              <a:gd name="connsiteY1" fmla="*/ 4252686 h 5667630"/>
              <a:gd name="connsiteX2" fmla="*/ 1393372 w 4223657"/>
              <a:gd name="connsiteY2" fmla="*/ 3048000 h 5667630"/>
              <a:gd name="connsiteX3" fmla="*/ 4223657 w 4223657"/>
              <a:gd name="connsiteY3" fmla="*/ 0 h 5667630"/>
              <a:gd name="connsiteX0" fmla="*/ 0 w 4223657"/>
              <a:gd name="connsiteY0" fmla="*/ 5660573 h 5667630"/>
              <a:gd name="connsiteX1" fmla="*/ 1117600 w 4223657"/>
              <a:gd name="connsiteY1" fmla="*/ 4252686 h 5667630"/>
              <a:gd name="connsiteX2" fmla="*/ 1393372 w 4223657"/>
              <a:gd name="connsiteY2" fmla="*/ 3048000 h 5667630"/>
              <a:gd name="connsiteX3" fmla="*/ 4223657 w 4223657"/>
              <a:gd name="connsiteY3" fmla="*/ 0 h 5667630"/>
              <a:gd name="connsiteX0" fmla="*/ 0 w 4165600"/>
              <a:gd name="connsiteY0" fmla="*/ 5370288 h 5377345"/>
              <a:gd name="connsiteX1" fmla="*/ 1117600 w 4165600"/>
              <a:gd name="connsiteY1" fmla="*/ 3962401 h 5377345"/>
              <a:gd name="connsiteX2" fmla="*/ 1393372 w 4165600"/>
              <a:gd name="connsiteY2" fmla="*/ 2757715 h 5377345"/>
              <a:gd name="connsiteX3" fmla="*/ 4165600 w 4165600"/>
              <a:gd name="connsiteY3" fmla="*/ 0 h 537734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4165600" h="5377345">
                <a:moveTo>
                  <a:pt x="0" y="5370288"/>
                </a:moveTo>
                <a:cubicBezTo>
                  <a:pt x="297543" y="5469469"/>
                  <a:pt x="841828" y="4499429"/>
                  <a:pt x="1117600" y="3962401"/>
                </a:cubicBezTo>
                <a:cubicBezTo>
                  <a:pt x="1393372" y="3425373"/>
                  <a:pt x="1415144" y="3471334"/>
                  <a:pt x="1393372" y="2757715"/>
                </a:cubicBezTo>
                <a:cubicBezTo>
                  <a:pt x="2402115" y="2232782"/>
                  <a:pt x="4072467" y="1566333"/>
                  <a:pt x="4165600" y="0"/>
                </a:cubicBezTo>
              </a:path>
            </a:pathLst>
          </a:custGeom>
          <a:noFill/>
          <a:ln w="508000" cap="flat" cmpd="sng" algn="ctr">
            <a:solidFill>
              <a:srgbClr val="FF99CC">
                <a:alpha val="49804"/>
              </a:srgbClr>
            </a:solidFill>
            <a:prstDash val="solid"/>
            <a:round/>
            <a:headEnd type="triangle" w="sm" len="sm"/>
            <a:tailEnd type="triangle" w="sm" len="sm"/>
          </a:ln>
          <a:effectLst/>
        </p:spPr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220" name="フリーフォーム 219"/>
          <p:cNvSpPr/>
          <p:nvPr/>
        </p:nvSpPr>
        <p:spPr bwMode="auto">
          <a:xfrm rot="13301880">
            <a:off x="876379" y="3280110"/>
            <a:ext cx="3993143" cy="2601218"/>
          </a:xfrm>
          <a:custGeom>
            <a:avLst/>
            <a:gdLst>
              <a:gd name="connsiteX0" fmla="*/ 0 w 4890052"/>
              <a:gd name="connsiteY0" fmla="*/ 3578087 h 3578087"/>
              <a:gd name="connsiteX1" fmla="*/ 4890052 w 4890052"/>
              <a:gd name="connsiteY1" fmla="*/ 0 h 3578087"/>
              <a:gd name="connsiteX0" fmla="*/ 0 w 4890052"/>
              <a:gd name="connsiteY0" fmla="*/ 3578087 h 3578087"/>
              <a:gd name="connsiteX1" fmla="*/ 4890052 w 4890052"/>
              <a:gd name="connsiteY1" fmla="*/ 0 h 3578087"/>
              <a:gd name="connsiteX0" fmla="*/ 0 w 4890052"/>
              <a:gd name="connsiteY0" fmla="*/ 3578087 h 3578087"/>
              <a:gd name="connsiteX1" fmla="*/ 4890052 w 4890052"/>
              <a:gd name="connsiteY1" fmla="*/ 0 h 3578087"/>
              <a:gd name="connsiteX0" fmla="*/ 0 w 4570738"/>
              <a:gd name="connsiteY0" fmla="*/ 3389401 h 3389401"/>
              <a:gd name="connsiteX1" fmla="*/ 4570738 w 4570738"/>
              <a:gd name="connsiteY1" fmla="*/ 0 h 3389401"/>
              <a:gd name="connsiteX0" fmla="*/ 0 w 4672338"/>
              <a:gd name="connsiteY0" fmla="*/ 3461972 h 3461972"/>
              <a:gd name="connsiteX1" fmla="*/ 4672338 w 4672338"/>
              <a:gd name="connsiteY1" fmla="*/ 0 h 3461972"/>
              <a:gd name="connsiteX0" fmla="*/ 0 w 4302038"/>
              <a:gd name="connsiteY0" fmla="*/ 3696821 h 3696821"/>
              <a:gd name="connsiteX1" fmla="*/ 4302038 w 4302038"/>
              <a:gd name="connsiteY1" fmla="*/ 0 h 3696821"/>
              <a:gd name="connsiteX0" fmla="*/ 0 w 4302038"/>
              <a:gd name="connsiteY0" fmla="*/ 3696821 h 3696821"/>
              <a:gd name="connsiteX1" fmla="*/ 4302038 w 4302038"/>
              <a:gd name="connsiteY1" fmla="*/ 0 h 3696821"/>
              <a:gd name="connsiteX0" fmla="*/ 0 w 3455451"/>
              <a:gd name="connsiteY0" fmla="*/ 3776493 h 3776493"/>
              <a:gd name="connsiteX1" fmla="*/ 3455451 w 3455451"/>
              <a:gd name="connsiteY1" fmla="*/ 0 h 3776493"/>
              <a:gd name="connsiteX0" fmla="*/ 0 w 3455451"/>
              <a:gd name="connsiteY0" fmla="*/ 3776493 h 3776493"/>
              <a:gd name="connsiteX1" fmla="*/ 3455451 w 3455451"/>
              <a:gd name="connsiteY1" fmla="*/ 0 h 3776493"/>
              <a:gd name="connsiteX0" fmla="*/ 0 w 3548228"/>
              <a:gd name="connsiteY0" fmla="*/ 3799256 h 3799256"/>
              <a:gd name="connsiteX1" fmla="*/ 3548228 w 3548228"/>
              <a:gd name="connsiteY1" fmla="*/ 0 h 3799256"/>
              <a:gd name="connsiteX0" fmla="*/ 0 w 3548228"/>
              <a:gd name="connsiteY0" fmla="*/ 3799256 h 3799256"/>
              <a:gd name="connsiteX1" fmla="*/ 3548228 w 3548228"/>
              <a:gd name="connsiteY1" fmla="*/ 0 h 3799256"/>
              <a:gd name="connsiteX0" fmla="*/ 0 w 3548228"/>
              <a:gd name="connsiteY0" fmla="*/ 3799256 h 3799256"/>
              <a:gd name="connsiteX1" fmla="*/ 3548228 w 3548228"/>
              <a:gd name="connsiteY1" fmla="*/ 0 h 3799256"/>
              <a:gd name="connsiteX0" fmla="*/ 0 w 5319929"/>
              <a:gd name="connsiteY0" fmla="*/ 3490106 h 3490106"/>
              <a:gd name="connsiteX1" fmla="*/ 5319929 w 5319929"/>
              <a:gd name="connsiteY1" fmla="*/ 0 h 3490106"/>
              <a:gd name="connsiteX0" fmla="*/ 0 w 5319929"/>
              <a:gd name="connsiteY0" fmla="*/ 3490106 h 3490106"/>
              <a:gd name="connsiteX1" fmla="*/ 5319929 w 5319929"/>
              <a:gd name="connsiteY1" fmla="*/ 0 h 3490106"/>
              <a:gd name="connsiteX0" fmla="*/ 0 w 5319929"/>
              <a:gd name="connsiteY0" fmla="*/ 3490106 h 3490106"/>
              <a:gd name="connsiteX1" fmla="*/ 5319929 w 5319929"/>
              <a:gd name="connsiteY1" fmla="*/ 0 h 3490106"/>
              <a:gd name="connsiteX0" fmla="*/ 0 w 5319929"/>
              <a:gd name="connsiteY0" fmla="*/ 3490106 h 3490106"/>
              <a:gd name="connsiteX1" fmla="*/ 2408225 w 5319929"/>
              <a:gd name="connsiteY1" fmla="*/ 168840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045250 w 5319929"/>
              <a:gd name="connsiteY1" fmla="*/ 126247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219901 w 5319929"/>
              <a:gd name="connsiteY1" fmla="*/ 127236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219901 w 5319929"/>
              <a:gd name="connsiteY1" fmla="*/ 127236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219901 w 5319929"/>
              <a:gd name="connsiteY1" fmla="*/ 1272360 h 3490106"/>
              <a:gd name="connsiteX2" fmla="*/ 5319929 w 5319929"/>
              <a:gd name="connsiteY2" fmla="*/ 0 h 3490106"/>
              <a:gd name="connsiteX0" fmla="*/ 0 w 5319929"/>
              <a:gd name="connsiteY0" fmla="*/ 3490106 h 3490106"/>
              <a:gd name="connsiteX1" fmla="*/ 2219901 w 5319929"/>
              <a:gd name="connsiteY1" fmla="*/ 1272360 h 3490106"/>
              <a:gd name="connsiteX2" fmla="*/ 5319929 w 5319929"/>
              <a:gd name="connsiteY2" fmla="*/ 0 h 3490106"/>
              <a:gd name="connsiteX0" fmla="*/ 0 w 5323048"/>
              <a:gd name="connsiteY0" fmla="*/ 3330236 h 3330236"/>
              <a:gd name="connsiteX1" fmla="*/ 2223020 w 5323048"/>
              <a:gd name="connsiteY1" fmla="*/ 1272360 h 3330236"/>
              <a:gd name="connsiteX2" fmla="*/ 5323048 w 5323048"/>
              <a:gd name="connsiteY2" fmla="*/ 0 h 3330236"/>
              <a:gd name="connsiteX0" fmla="*/ 0 w 5323048"/>
              <a:gd name="connsiteY0" fmla="*/ 3330236 h 3330502"/>
              <a:gd name="connsiteX1" fmla="*/ 2223020 w 5323048"/>
              <a:gd name="connsiteY1" fmla="*/ 1272360 h 3330502"/>
              <a:gd name="connsiteX2" fmla="*/ 5323048 w 5323048"/>
              <a:gd name="connsiteY2" fmla="*/ 0 h 3330502"/>
              <a:gd name="connsiteX0" fmla="*/ 1 w 5277706"/>
              <a:gd name="connsiteY0" fmla="*/ 3197677 h 3197976"/>
              <a:gd name="connsiteX1" fmla="*/ 2177678 w 5277706"/>
              <a:gd name="connsiteY1" fmla="*/ 1272360 h 3197976"/>
              <a:gd name="connsiteX2" fmla="*/ 5277706 w 5277706"/>
              <a:gd name="connsiteY2" fmla="*/ 0 h 31979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5277706" h="3197976">
                <a:moveTo>
                  <a:pt x="1" y="3197677"/>
                </a:moveTo>
                <a:cubicBezTo>
                  <a:pt x="924773" y="3218230"/>
                  <a:pt x="1548945" y="2177602"/>
                  <a:pt x="2177678" y="1272360"/>
                </a:cubicBezTo>
                <a:cubicBezTo>
                  <a:pt x="2502326" y="893449"/>
                  <a:pt x="3232456" y="29237"/>
                  <a:pt x="5277706" y="0"/>
                </a:cubicBezTo>
              </a:path>
            </a:pathLst>
          </a:custGeom>
          <a:noFill/>
          <a:ln w="508000" cap="flat" cmpd="sng" algn="ctr">
            <a:solidFill>
              <a:srgbClr val="FF99CC">
                <a:alpha val="49804"/>
              </a:srgbClr>
            </a:solidFill>
            <a:prstDash val="solid"/>
            <a:round/>
            <a:headEnd type="none" w="sm" len="sm"/>
            <a:tailEnd type="triangle" w="sm" len="sm"/>
          </a:ln>
          <a:effectLst/>
        </p:spPr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4" name="正方形/長方形 3"/>
          <p:cNvSpPr/>
          <p:nvPr/>
        </p:nvSpPr>
        <p:spPr>
          <a:xfrm>
            <a:off x="166861" y="740688"/>
            <a:ext cx="9496465" cy="830997"/>
          </a:xfrm>
          <a:prstGeom prst="rect">
            <a:avLst/>
          </a:prstGeom>
          <a:solidFill>
            <a:srgbClr val="FFFFFF"/>
          </a:solidFill>
          <a:ln>
            <a:solidFill>
              <a:srgbClr val="0000FF"/>
            </a:solidFill>
          </a:ln>
        </p:spPr>
        <p:txBody>
          <a:bodyPr wrap="square">
            <a:spAutoFit/>
          </a:bodyPr>
          <a:lstStyle/>
          <a:p>
            <a:r>
              <a:rPr lang="ja-JP" altLang="en-US" sz="24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○世界</a:t>
            </a:r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遺産をはじめ豊富な観光資源を多数有する関西圏において、</a:t>
            </a:r>
          </a:p>
          <a:p>
            <a:r>
              <a:rPr lang="ja-JP" altLang="en-US" sz="24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　</a:t>
            </a:r>
            <a:r>
              <a:rPr lang="ja-JP" altLang="en-US" sz="24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 </a:t>
            </a:r>
            <a:r>
              <a:rPr lang="ja-JP" altLang="en-US" sz="2400" b="1" u="sng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広域的</a:t>
            </a:r>
            <a:r>
              <a:rPr lang="ja-JP" altLang="en-US" sz="2400" b="1" u="sng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な観光拠点間の時間短縮、定時性確保による観光需要を拡大</a:t>
            </a:r>
          </a:p>
        </p:txBody>
      </p:sp>
      <p:sp>
        <p:nvSpPr>
          <p:cNvPr id="190" name="円/楕円 189"/>
          <p:cNvSpPr>
            <a:spLocks noChangeAspect="1"/>
          </p:cNvSpPr>
          <p:nvPr/>
        </p:nvSpPr>
        <p:spPr bwMode="auto">
          <a:xfrm>
            <a:off x="5095392" y="5143264"/>
            <a:ext cx="83675" cy="77242"/>
          </a:xfrm>
          <a:prstGeom prst="ellipse">
            <a:avLst/>
          </a:prstGeom>
          <a:solidFill>
            <a:schemeClr val="accent1">
              <a:lumMod val="60000"/>
              <a:lumOff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grpSp>
        <p:nvGrpSpPr>
          <p:cNvPr id="88" name="グループ化 87"/>
          <p:cNvGrpSpPr/>
          <p:nvPr/>
        </p:nvGrpSpPr>
        <p:grpSpPr>
          <a:xfrm>
            <a:off x="4533450" y="5858627"/>
            <a:ext cx="389987" cy="285861"/>
            <a:chOff x="4338717" y="5474099"/>
            <a:chExt cx="389987" cy="285861"/>
          </a:xfrm>
        </p:grpSpPr>
        <p:grpSp>
          <p:nvGrpSpPr>
            <p:cNvPr id="15" name="グループ化 14"/>
            <p:cNvGrpSpPr/>
            <p:nvPr/>
          </p:nvGrpSpPr>
          <p:grpSpPr>
            <a:xfrm>
              <a:off x="4461570" y="5474099"/>
              <a:ext cx="178946" cy="155774"/>
              <a:chOff x="2197541" y="6035344"/>
              <a:chExt cx="265815" cy="220769"/>
            </a:xfrm>
          </p:grpSpPr>
          <p:sp>
            <p:nvSpPr>
              <p:cNvPr id="3" name="円/楕円 2"/>
              <p:cNvSpPr/>
              <p:nvPr/>
            </p:nvSpPr>
            <p:spPr bwMode="auto">
              <a:xfrm>
                <a:off x="2281237" y="6035344"/>
                <a:ext cx="95250" cy="81705"/>
              </a:xfrm>
              <a:prstGeom prst="ellips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1" fontAlgn="base" latinLnBrk="0" hangingPunct="1">
                  <a:lnSpc>
                    <a:spcPct val="100000"/>
                  </a:lnSpc>
                  <a:spcBef>
                    <a:spcPct val="2000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1" lang="ja-JP" altLang="en-US" sz="40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  <a:ea typeface="ＭＳ Ｐゴシック" pitchFamily="50" charset="-128"/>
                </a:endParaRPr>
              </a:p>
            </p:txBody>
          </p:sp>
          <p:cxnSp>
            <p:nvCxnSpPr>
              <p:cNvPr id="11" name="直線コネクタ 10"/>
              <p:cNvCxnSpPr/>
              <p:nvPr/>
            </p:nvCxnSpPr>
            <p:spPr bwMode="auto">
              <a:xfrm>
                <a:off x="2330450" y="6109454"/>
                <a:ext cx="0" cy="137399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02" name="直線コネクタ 201"/>
              <p:cNvCxnSpPr/>
              <p:nvPr/>
            </p:nvCxnSpPr>
            <p:spPr bwMode="auto">
              <a:xfrm>
                <a:off x="2281237" y="6148666"/>
                <a:ext cx="95250" cy="0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254" name="直線コネクタ 253"/>
              <p:cNvCxnSpPr/>
              <p:nvPr/>
            </p:nvCxnSpPr>
            <p:spPr bwMode="auto">
              <a:xfrm>
                <a:off x="2281237" y="6181170"/>
                <a:ext cx="95250" cy="0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13" name="円弧 12"/>
              <p:cNvSpPr/>
              <p:nvPr/>
            </p:nvSpPr>
            <p:spPr bwMode="auto">
              <a:xfrm rot="10800000">
                <a:off x="2197541" y="6117048"/>
                <a:ext cx="265815" cy="139065"/>
              </a:xfrm>
              <a:prstGeom prst="arc">
                <a:avLst>
                  <a:gd name="adj1" fmla="val 11074652"/>
                  <a:gd name="adj2" fmla="val 0"/>
                </a:avLst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triangle" w="sm" len="sm"/>
                <a:tailEnd type="triangle" w="sm" len="sm"/>
              </a:ln>
              <a:effectLst/>
            </p:spPr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</p:grpSp>
        <p:sp>
          <p:nvSpPr>
            <p:cNvPr id="255" name="テキスト ボックス 229"/>
            <p:cNvSpPr txBox="1">
              <a:spLocks noChangeArrowheads="1"/>
            </p:cNvSpPr>
            <p:nvPr/>
          </p:nvSpPr>
          <p:spPr bwMode="auto">
            <a:xfrm>
              <a:off x="4338717" y="5652238"/>
              <a:ext cx="389987" cy="107722"/>
            </a:xfrm>
            <a:prstGeom prst="rect">
              <a:avLst/>
            </a:prstGeom>
            <a:noFill/>
            <a:ln w="6350">
              <a:noFill/>
            </a:ln>
            <a:extLst/>
          </p:spPr>
          <p:txBody>
            <a:bodyPr wrap="square" lIns="36000" tIns="0" rIns="0" bIns="0"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kumimoji="1" sz="45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kumimoji="1" sz="39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kumimoji="1" sz="34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ja-JP" altLang="en-US" sz="7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大阪港</a:t>
              </a:r>
              <a:endParaRPr lang="en-US" altLang="ja-JP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endParaRPr>
            </a:p>
          </p:txBody>
        </p:sp>
      </p:grpSp>
      <p:sp>
        <p:nvSpPr>
          <p:cNvPr id="167" name="テキスト ボックス 166"/>
          <p:cNvSpPr txBox="1"/>
          <p:nvPr/>
        </p:nvSpPr>
        <p:spPr bwMode="auto">
          <a:xfrm>
            <a:off x="4000266" y="5483693"/>
            <a:ext cx="883140" cy="350566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wrap="square" lIns="36000" tIns="108000" rIns="36000" rtlCol="0" anchor="ctr">
            <a:noAutofit/>
          </a:bodyPr>
          <a:lstStyle/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700" b="1" dirty="0">
                <a:solidFill>
                  <a:schemeClr val="accent4">
                    <a:lumMod val="85000"/>
                    <a:lumOff val="1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国際コンテナ戦略港湾</a:t>
            </a:r>
          </a:p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1050" b="1" dirty="0">
                <a:solidFill>
                  <a:schemeClr val="accent4">
                    <a:lumMod val="85000"/>
                    <a:lumOff val="1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阪神港</a:t>
            </a:r>
          </a:p>
        </p:txBody>
      </p:sp>
      <p:grpSp>
        <p:nvGrpSpPr>
          <p:cNvPr id="133" name="グループ化 132"/>
          <p:cNvGrpSpPr/>
          <p:nvPr/>
        </p:nvGrpSpPr>
        <p:grpSpPr>
          <a:xfrm>
            <a:off x="3916099" y="5118626"/>
            <a:ext cx="389987" cy="280770"/>
            <a:chOff x="3916099" y="5118626"/>
            <a:chExt cx="389987" cy="280770"/>
          </a:xfrm>
        </p:grpSpPr>
        <p:grpSp>
          <p:nvGrpSpPr>
            <p:cNvPr id="168" name="グループ化 167"/>
            <p:cNvGrpSpPr/>
            <p:nvPr/>
          </p:nvGrpSpPr>
          <p:grpSpPr>
            <a:xfrm>
              <a:off x="4012094" y="5118626"/>
              <a:ext cx="178946" cy="155774"/>
              <a:chOff x="2197541" y="6035344"/>
              <a:chExt cx="265815" cy="220769"/>
            </a:xfrm>
          </p:grpSpPr>
          <p:sp>
            <p:nvSpPr>
              <p:cNvPr id="169" name="円/楕円 168"/>
              <p:cNvSpPr/>
              <p:nvPr/>
            </p:nvSpPr>
            <p:spPr bwMode="auto">
              <a:xfrm>
                <a:off x="2281237" y="6035344"/>
                <a:ext cx="95250" cy="81705"/>
              </a:xfrm>
              <a:prstGeom prst="ellips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1" fontAlgn="base" latinLnBrk="0" hangingPunct="1">
                  <a:lnSpc>
                    <a:spcPct val="100000"/>
                  </a:lnSpc>
                  <a:spcBef>
                    <a:spcPct val="2000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1" lang="ja-JP" altLang="en-US" sz="40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  <a:ea typeface="ＭＳ Ｐゴシック" pitchFamily="50" charset="-128"/>
                </a:endParaRPr>
              </a:p>
            </p:txBody>
          </p:sp>
          <p:cxnSp>
            <p:nvCxnSpPr>
              <p:cNvPr id="172" name="直線コネクタ 171"/>
              <p:cNvCxnSpPr/>
              <p:nvPr/>
            </p:nvCxnSpPr>
            <p:spPr bwMode="auto">
              <a:xfrm>
                <a:off x="2330450" y="6109454"/>
                <a:ext cx="0" cy="137399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194" name="直線コネクタ 193"/>
              <p:cNvCxnSpPr/>
              <p:nvPr/>
            </p:nvCxnSpPr>
            <p:spPr bwMode="auto">
              <a:xfrm>
                <a:off x="2281237" y="6148666"/>
                <a:ext cx="95250" cy="0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195" name="直線コネクタ 194"/>
              <p:cNvCxnSpPr/>
              <p:nvPr/>
            </p:nvCxnSpPr>
            <p:spPr bwMode="auto">
              <a:xfrm>
                <a:off x="2281237" y="6181170"/>
                <a:ext cx="95250" cy="0"/>
              </a:xfrm>
              <a:prstGeom prst="line">
                <a:avLst/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196" name="円弧 195"/>
              <p:cNvSpPr/>
              <p:nvPr/>
            </p:nvSpPr>
            <p:spPr bwMode="auto">
              <a:xfrm rot="10800000">
                <a:off x="2197541" y="6117048"/>
                <a:ext cx="265815" cy="139065"/>
              </a:xfrm>
              <a:prstGeom prst="arc">
                <a:avLst>
                  <a:gd name="adj1" fmla="val 11074652"/>
                  <a:gd name="adj2" fmla="val 0"/>
                </a:avLst>
              </a:prstGeom>
              <a:noFill/>
              <a:ln w="19050" cap="flat" cmpd="sng" algn="ctr">
                <a:solidFill>
                  <a:schemeClr val="tx1"/>
                </a:solidFill>
                <a:prstDash val="solid"/>
                <a:round/>
                <a:headEnd type="triangle" w="sm" len="sm"/>
                <a:tailEnd type="triangle" w="sm" len="sm"/>
              </a:ln>
              <a:effectLst/>
            </p:spPr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</p:grpSp>
        <p:sp>
          <p:nvSpPr>
            <p:cNvPr id="197" name="テキスト ボックス 229"/>
            <p:cNvSpPr txBox="1">
              <a:spLocks noChangeArrowheads="1"/>
            </p:cNvSpPr>
            <p:nvPr/>
          </p:nvSpPr>
          <p:spPr bwMode="auto">
            <a:xfrm>
              <a:off x="3916099" y="5291674"/>
              <a:ext cx="389987" cy="107722"/>
            </a:xfrm>
            <a:prstGeom prst="rect">
              <a:avLst/>
            </a:prstGeom>
            <a:noFill/>
            <a:ln w="6350">
              <a:noFill/>
            </a:ln>
            <a:extLst/>
          </p:spPr>
          <p:txBody>
            <a:bodyPr wrap="square" lIns="36000" tIns="0" rIns="0" bIns="0"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kumimoji="1" sz="45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kumimoji="1" sz="39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kumimoji="1" sz="34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800">
                  <a:solidFill>
                    <a:schemeClr val="tx1"/>
                  </a:solidFill>
                  <a:latin typeface="Times New Roman" pitchFamily="18" charset="0"/>
                  <a:ea typeface="ＭＳ Ｐゴシック" charset="-128"/>
                </a:defRPr>
              </a:lvl9pPr>
            </a:lstStyle>
            <a:p>
              <a:pPr algn="ctr" eaLnBrk="1" hangingPunct="1">
                <a:spcBef>
                  <a:spcPct val="0"/>
                </a:spcBef>
                <a:buFontTx/>
                <a:buNone/>
              </a:pPr>
              <a:r>
                <a:rPr lang="ja-JP" altLang="en-US" sz="700" dirty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神戸</a:t>
              </a:r>
              <a:r>
                <a:rPr lang="ja-JP" altLang="en-US" sz="7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港</a:t>
              </a:r>
              <a:endParaRPr lang="en-US" altLang="ja-JP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endParaRPr>
            </a:p>
          </p:txBody>
        </p:sp>
      </p:grpSp>
      <p:sp>
        <p:nvSpPr>
          <p:cNvPr id="253" name="テキスト ボックス 229"/>
          <p:cNvSpPr txBox="1">
            <a:spLocks noChangeArrowheads="1"/>
          </p:cNvSpPr>
          <p:nvPr/>
        </p:nvSpPr>
        <p:spPr bwMode="auto">
          <a:xfrm>
            <a:off x="3378212" y="5664558"/>
            <a:ext cx="487647" cy="107722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7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神戸</a:t>
            </a:r>
            <a:r>
              <a:rPr lang="ja-JP" altLang="en-US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空港</a:t>
            </a:r>
            <a:endParaRPr lang="en-US" altLang="ja-JP" sz="7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256" name="テキスト ボックス 229"/>
          <p:cNvSpPr txBox="1">
            <a:spLocks noChangeArrowheads="1"/>
          </p:cNvSpPr>
          <p:nvPr/>
        </p:nvSpPr>
        <p:spPr bwMode="auto">
          <a:xfrm>
            <a:off x="3171109" y="7641053"/>
            <a:ext cx="594685" cy="107722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関西</a:t>
            </a:r>
            <a:r>
              <a:rPr lang="ja-JP" altLang="en-US" sz="7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国際</a:t>
            </a:r>
            <a:r>
              <a:rPr lang="ja-JP" altLang="en-US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空港</a:t>
            </a:r>
            <a:endParaRPr lang="en-US" altLang="ja-JP" sz="7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258" name="テキスト ボックス 229"/>
          <p:cNvSpPr txBox="1">
            <a:spLocks noChangeArrowheads="1"/>
          </p:cNvSpPr>
          <p:nvPr/>
        </p:nvSpPr>
        <p:spPr bwMode="auto">
          <a:xfrm>
            <a:off x="4903536" y="3992283"/>
            <a:ext cx="594685" cy="107722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7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大阪国際空港</a:t>
            </a:r>
            <a:endParaRPr lang="en-US" altLang="ja-JP" sz="7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grpSp>
        <p:nvGrpSpPr>
          <p:cNvPr id="207" name="グループ化 206"/>
          <p:cNvGrpSpPr/>
          <p:nvPr/>
        </p:nvGrpSpPr>
        <p:grpSpPr>
          <a:xfrm>
            <a:off x="3352802" y="7433706"/>
            <a:ext cx="239358" cy="187152"/>
            <a:chOff x="0" y="0"/>
            <a:chExt cx="1685236" cy="1604965"/>
          </a:xfrm>
        </p:grpSpPr>
        <p:sp>
          <p:nvSpPr>
            <p:cNvPr id="208" name="正方形/長方形 207"/>
            <p:cNvSpPr/>
            <p:nvPr/>
          </p:nvSpPr>
          <p:spPr>
            <a:xfrm>
              <a:off x="766754" y="176214"/>
              <a:ext cx="142875" cy="136207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09" name="直角三角形 208"/>
            <p:cNvSpPr/>
            <p:nvPr/>
          </p:nvSpPr>
          <p:spPr>
            <a:xfrm>
              <a:off x="857236" y="671514"/>
              <a:ext cx="828000" cy="216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26" name="直角三角形 225"/>
            <p:cNvSpPr/>
            <p:nvPr/>
          </p:nvSpPr>
          <p:spPr>
            <a:xfrm rot="16200000">
              <a:off x="306000" y="359063"/>
              <a:ext cx="216000" cy="828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44" name="二等辺三角形 243"/>
            <p:cNvSpPr/>
            <p:nvPr/>
          </p:nvSpPr>
          <p:spPr>
            <a:xfrm>
              <a:off x="576258" y="1409701"/>
              <a:ext cx="533400" cy="133350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57" name="二等辺三角形 256"/>
            <p:cNvSpPr/>
            <p:nvPr/>
          </p:nvSpPr>
          <p:spPr>
            <a:xfrm>
              <a:off x="766751" y="0"/>
              <a:ext cx="144000" cy="176213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65" name="正方形/長方形 264"/>
            <p:cNvSpPr/>
            <p:nvPr/>
          </p:nvSpPr>
          <p:spPr>
            <a:xfrm>
              <a:off x="380992" y="657226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68" name="正方形/長方形 267"/>
            <p:cNvSpPr/>
            <p:nvPr/>
          </p:nvSpPr>
          <p:spPr>
            <a:xfrm>
              <a:off x="1209663" y="652464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cxnSp>
          <p:nvCxnSpPr>
            <p:cNvPr id="269" name="直線コネクタ 268"/>
            <p:cNvCxnSpPr/>
            <p:nvPr/>
          </p:nvCxnSpPr>
          <p:spPr>
            <a:xfrm>
              <a:off x="842955" y="1485902"/>
              <a:ext cx="0" cy="119063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70" name="グループ化 269"/>
          <p:cNvGrpSpPr/>
          <p:nvPr/>
        </p:nvGrpSpPr>
        <p:grpSpPr>
          <a:xfrm>
            <a:off x="3438926" y="5438173"/>
            <a:ext cx="239358" cy="187152"/>
            <a:chOff x="0" y="0"/>
            <a:chExt cx="1685236" cy="1604965"/>
          </a:xfrm>
        </p:grpSpPr>
        <p:sp>
          <p:nvSpPr>
            <p:cNvPr id="271" name="正方形/長方形 270"/>
            <p:cNvSpPr/>
            <p:nvPr/>
          </p:nvSpPr>
          <p:spPr>
            <a:xfrm>
              <a:off x="766754" y="176214"/>
              <a:ext cx="142875" cy="136207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4" name="直角三角形 273"/>
            <p:cNvSpPr/>
            <p:nvPr/>
          </p:nvSpPr>
          <p:spPr>
            <a:xfrm>
              <a:off x="857236" y="671514"/>
              <a:ext cx="828000" cy="216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5" name="直角三角形 274"/>
            <p:cNvSpPr/>
            <p:nvPr/>
          </p:nvSpPr>
          <p:spPr>
            <a:xfrm rot="16200000">
              <a:off x="306000" y="359063"/>
              <a:ext cx="216000" cy="828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6" name="二等辺三角形 275"/>
            <p:cNvSpPr/>
            <p:nvPr/>
          </p:nvSpPr>
          <p:spPr>
            <a:xfrm>
              <a:off x="576258" y="1409701"/>
              <a:ext cx="533400" cy="133350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7" name="二等辺三角形 276"/>
            <p:cNvSpPr/>
            <p:nvPr/>
          </p:nvSpPr>
          <p:spPr>
            <a:xfrm>
              <a:off x="766751" y="0"/>
              <a:ext cx="144000" cy="176213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8" name="正方形/長方形 277"/>
            <p:cNvSpPr/>
            <p:nvPr/>
          </p:nvSpPr>
          <p:spPr>
            <a:xfrm>
              <a:off x="380992" y="657226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79" name="正方形/長方形 278"/>
            <p:cNvSpPr/>
            <p:nvPr/>
          </p:nvSpPr>
          <p:spPr>
            <a:xfrm>
              <a:off x="1209663" y="652464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cxnSp>
          <p:nvCxnSpPr>
            <p:cNvPr id="281" name="直線コネクタ 280"/>
            <p:cNvCxnSpPr/>
            <p:nvPr/>
          </p:nvCxnSpPr>
          <p:spPr>
            <a:xfrm>
              <a:off x="842955" y="1485902"/>
              <a:ext cx="0" cy="119063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4" name="グループ化 283"/>
          <p:cNvGrpSpPr/>
          <p:nvPr/>
        </p:nvGrpSpPr>
        <p:grpSpPr>
          <a:xfrm>
            <a:off x="5080892" y="3785308"/>
            <a:ext cx="239358" cy="187152"/>
            <a:chOff x="0" y="0"/>
            <a:chExt cx="1685236" cy="1604965"/>
          </a:xfrm>
        </p:grpSpPr>
        <p:sp>
          <p:nvSpPr>
            <p:cNvPr id="285" name="正方形/長方形 284"/>
            <p:cNvSpPr/>
            <p:nvPr/>
          </p:nvSpPr>
          <p:spPr>
            <a:xfrm>
              <a:off x="766754" y="176214"/>
              <a:ext cx="142875" cy="136207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86" name="直角三角形 285"/>
            <p:cNvSpPr/>
            <p:nvPr/>
          </p:nvSpPr>
          <p:spPr>
            <a:xfrm>
              <a:off x="857236" y="671514"/>
              <a:ext cx="828000" cy="216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87" name="直角三角形 286"/>
            <p:cNvSpPr/>
            <p:nvPr/>
          </p:nvSpPr>
          <p:spPr>
            <a:xfrm rot="16200000">
              <a:off x="306000" y="359063"/>
              <a:ext cx="216000" cy="828000"/>
            </a:xfrm>
            <a:prstGeom prst="rt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88" name="二等辺三角形 287"/>
            <p:cNvSpPr/>
            <p:nvPr/>
          </p:nvSpPr>
          <p:spPr>
            <a:xfrm>
              <a:off x="576258" y="1409701"/>
              <a:ext cx="533400" cy="133350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89" name="二等辺三角形 288"/>
            <p:cNvSpPr/>
            <p:nvPr/>
          </p:nvSpPr>
          <p:spPr>
            <a:xfrm>
              <a:off x="766751" y="0"/>
              <a:ext cx="144000" cy="176213"/>
            </a:xfrm>
            <a:prstGeom prst="triangle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90" name="正方形/長方形 289"/>
            <p:cNvSpPr/>
            <p:nvPr/>
          </p:nvSpPr>
          <p:spPr>
            <a:xfrm>
              <a:off x="380992" y="657226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sp>
          <p:nvSpPr>
            <p:cNvPr id="292" name="正方形/長方形 291"/>
            <p:cNvSpPr/>
            <p:nvPr/>
          </p:nvSpPr>
          <p:spPr>
            <a:xfrm>
              <a:off x="1209663" y="652464"/>
              <a:ext cx="61913" cy="109538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l"/>
              <a:endParaRPr kumimoji="1" lang="ja-JP" altLang="en-US" sz="1100"/>
            </a:p>
          </p:txBody>
        </p:sp>
        <p:cxnSp>
          <p:nvCxnSpPr>
            <p:cNvPr id="293" name="直線コネクタ 292"/>
            <p:cNvCxnSpPr/>
            <p:nvPr/>
          </p:nvCxnSpPr>
          <p:spPr>
            <a:xfrm>
              <a:off x="842955" y="1485902"/>
              <a:ext cx="0" cy="119063"/>
            </a:xfrm>
            <a:prstGeom prst="line">
              <a:avLst/>
            </a:prstGeom>
            <a:ln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7" name="円/楕円 76"/>
          <p:cNvSpPr/>
          <p:nvPr/>
        </p:nvSpPr>
        <p:spPr bwMode="auto">
          <a:xfrm>
            <a:off x="7689660" y="1639653"/>
            <a:ext cx="1257300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78" name="テキスト ボックス 77"/>
          <p:cNvSpPr txBox="1"/>
          <p:nvPr/>
        </p:nvSpPr>
        <p:spPr bwMode="auto">
          <a:xfrm>
            <a:off x="7661085" y="1820628"/>
            <a:ext cx="1619250" cy="3293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世界遺産）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古都京都の文化財</a:t>
            </a:r>
            <a:endParaRPr kumimoji="1" lang="ja-JP" altLang="en-US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79" name="円/楕円 78"/>
          <p:cNvSpPr/>
          <p:nvPr/>
        </p:nvSpPr>
        <p:spPr bwMode="auto">
          <a:xfrm>
            <a:off x="101725" y="3533775"/>
            <a:ext cx="1257300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80" name="テキスト ボックス 79"/>
          <p:cNvSpPr txBox="1"/>
          <p:nvPr/>
        </p:nvSpPr>
        <p:spPr bwMode="auto">
          <a:xfrm>
            <a:off x="73150" y="3695700"/>
            <a:ext cx="1190625" cy="3293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←（世界遺産）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　　　姫路城</a:t>
            </a:r>
            <a:endParaRPr kumimoji="1" lang="ja-JP" altLang="en-US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83" name="円/楕円 82"/>
          <p:cNvSpPr/>
          <p:nvPr/>
        </p:nvSpPr>
        <p:spPr bwMode="auto">
          <a:xfrm>
            <a:off x="7948748" y="4803200"/>
            <a:ext cx="1257300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84" name="テキスト ボックス 83"/>
          <p:cNvSpPr txBox="1"/>
          <p:nvPr/>
        </p:nvSpPr>
        <p:spPr bwMode="auto">
          <a:xfrm>
            <a:off x="7907110" y="4959308"/>
            <a:ext cx="1619250" cy="3231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世界遺産）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古都奈良の文化財</a:t>
            </a:r>
            <a:endParaRPr kumimoji="1" lang="ja-JP" altLang="en-US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85" name="円/楕円 84"/>
          <p:cNvSpPr/>
          <p:nvPr/>
        </p:nvSpPr>
        <p:spPr bwMode="auto">
          <a:xfrm>
            <a:off x="6953250" y="5181600"/>
            <a:ext cx="1257300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86" name="テキスト ボックス 85"/>
          <p:cNvSpPr txBox="1"/>
          <p:nvPr/>
        </p:nvSpPr>
        <p:spPr bwMode="auto">
          <a:xfrm>
            <a:off x="7105650" y="5276850"/>
            <a:ext cx="1133475" cy="4770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世界遺産）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法隆寺地域の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仏教建造物</a:t>
            </a:r>
            <a:endParaRPr kumimoji="1" lang="ja-JP" altLang="en-US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graphicFrame>
        <p:nvGraphicFramePr>
          <p:cNvPr id="188" name="表 18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90540629"/>
              </p:ext>
            </p:extLst>
          </p:nvPr>
        </p:nvGraphicFramePr>
        <p:xfrm>
          <a:off x="10204368" y="3531807"/>
          <a:ext cx="2452253" cy="1055520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318476"/>
                <a:gridCol w="981967"/>
                <a:gridCol w="690032"/>
                <a:gridCol w="461778"/>
              </a:tblGrid>
              <a:tr h="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順位</a:t>
                      </a:r>
                      <a:endParaRPr kumimoji="1" lang="ja-JP" altLang="en-US" sz="800" b="1" dirty="0">
                        <a:solidFill>
                          <a:schemeClr val="bg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solidFill>
                      <a:schemeClr val="accent4">
                        <a:lumMod val="50000"/>
                        <a:lumOff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テーマパーク</a:t>
                      </a:r>
                      <a:endParaRPr kumimoji="1" lang="ja-JP" altLang="en-US" sz="800" b="1" dirty="0">
                        <a:solidFill>
                          <a:schemeClr val="bg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solidFill>
                      <a:schemeClr val="accent4">
                        <a:lumMod val="50000"/>
                        <a:lumOff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年間入場者数</a:t>
                      </a:r>
                      <a:endParaRPr kumimoji="1" lang="en-US" altLang="ja-JP" sz="800" b="1" dirty="0" smtClean="0">
                        <a:solidFill>
                          <a:schemeClr val="bg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  <a:p>
                      <a:pPr algn="ctr"/>
                      <a:r>
                        <a:rPr kumimoji="1" lang="en-US" altLang="ja-JP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(</a:t>
                      </a:r>
                      <a:r>
                        <a:rPr kumimoji="1" lang="ja-JP" altLang="en-US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万人</a:t>
                      </a:r>
                      <a:r>
                        <a:rPr kumimoji="1" lang="en-US" altLang="ja-JP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)</a:t>
                      </a:r>
                      <a:endParaRPr kumimoji="1" lang="ja-JP" altLang="en-US" sz="800" b="1" dirty="0">
                        <a:solidFill>
                          <a:schemeClr val="bg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solidFill>
                      <a:schemeClr val="accent4">
                        <a:lumMod val="50000"/>
                        <a:lumOff val="5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1" dirty="0" smtClean="0">
                          <a:solidFill>
                            <a:schemeClr val="bg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前年度比</a:t>
                      </a:r>
                      <a:endParaRPr kumimoji="1" lang="ja-JP" altLang="en-US" sz="800" b="1" dirty="0">
                        <a:solidFill>
                          <a:schemeClr val="bg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4">
                        <a:lumMod val="50000"/>
                        <a:lumOff val="5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800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1</a:t>
                      </a:r>
                      <a:r>
                        <a:rPr kumimoji="1" lang="ja-JP" altLang="en-US" sz="800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位</a:t>
                      </a:r>
                      <a:endParaRPr kumimoji="1" lang="ja-JP" altLang="en-US" sz="800" dirty="0">
                        <a:solidFill>
                          <a:schemeClr val="tx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0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東京ディズニーランド</a:t>
                      </a:r>
                      <a:endParaRPr kumimoji="1" lang="ja-JP" altLang="en-US" sz="800" b="0" dirty="0">
                        <a:solidFill>
                          <a:schemeClr val="tx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9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     1,660</a:t>
                      </a:r>
                      <a:endParaRPr kumimoji="1" lang="ja-JP" altLang="en-US" sz="900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8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-4.0%</a:t>
                      </a:r>
                      <a:endParaRPr kumimoji="1" lang="ja-JP" altLang="en-US" sz="800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lnSpc>
                          <a:spcPts val="600"/>
                        </a:lnSpc>
                        <a:spcBef>
                          <a:spcPct val="50000"/>
                        </a:spcBef>
                      </a:pPr>
                      <a:r>
                        <a:rPr kumimoji="1" lang="en-US" altLang="ja-JP" sz="800" b="1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2</a:t>
                      </a:r>
                      <a:r>
                        <a:rPr kumimoji="1" lang="ja-JP" altLang="en-US" sz="800" b="1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位</a:t>
                      </a:r>
                      <a:endParaRPr kumimoji="1" lang="ja-JP" altLang="en-US" sz="800" b="1" dirty="0">
                        <a:solidFill>
                          <a:schemeClr val="tx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600"/>
                        </a:lnSpc>
                        <a:spcBef>
                          <a:spcPct val="50000"/>
                        </a:spcBef>
                      </a:pPr>
                      <a:r>
                        <a:rPr lang="ja-JP" altLang="en-US" sz="800" b="1" dirty="0" smtClean="0">
                          <a:solidFill>
                            <a:schemeClr val="tx1"/>
                          </a:solidFill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ユニバーサル・</a:t>
                      </a:r>
                      <a:endParaRPr lang="en-US" altLang="ja-JP" sz="800" b="1" dirty="0" smtClean="0">
                        <a:solidFill>
                          <a:schemeClr val="tx1"/>
                        </a:solidFill>
                        <a:latin typeface="Meiryo UI" panose="020B0604030504040204" pitchFamily="50" charset="-128"/>
                        <a:ea typeface="Meiryo UI" panose="020B0604030504040204" pitchFamily="50" charset="-128"/>
                        <a:cs typeface="Meiryo UI" panose="020B0604030504040204" pitchFamily="50" charset="-128"/>
                      </a:endParaRPr>
                    </a:p>
                    <a:p>
                      <a:pPr algn="ctr">
                        <a:lnSpc>
                          <a:spcPts val="600"/>
                        </a:lnSpc>
                        <a:spcBef>
                          <a:spcPct val="50000"/>
                        </a:spcBef>
                      </a:pPr>
                      <a:r>
                        <a:rPr lang="ja-JP" altLang="en-US" sz="800" b="1" dirty="0" smtClean="0">
                          <a:solidFill>
                            <a:schemeClr val="tx1"/>
                          </a:solidFill>
                          <a:latin typeface="Meiryo UI" panose="020B0604030504040204" pitchFamily="50" charset="-128"/>
                          <a:ea typeface="Meiryo UI" panose="020B0604030504040204" pitchFamily="50" charset="-128"/>
                          <a:cs typeface="Meiryo UI" panose="020B0604030504040204" pitchFamily="50" charset="-128"/>
                        </a:rPr>
                        <a:t>スタジオ・ジャパン</a:t>
                      </a:r>
                      <a:endParaRPr kumimoji="1" lang="ja-JP" altLang="en-US" sz="800" b="1" dirty="0">
                        <a:solidFill>
                          <a:schemeClr val="tx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72000" marB="3600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900" b="1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     1,390</a:t>
                      </a:r>
                      <a:endParaRPr kumimoji="1" lang="ja-JP" altLang="en-US" sz="900" b="1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800" b="1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17.8%</a:t>
                      </a:r>
                      <a:endParaRPr kumimoji="1" lang="ja-JP" altLang="en-US" sz="800" b="1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>
                        <a:lumMod val="75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8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3</a:t>
                      </a:r>
                      <a:r>
                        <a:rPr kumimoji="1" lang="ja-JP" altLang="en-US" sz="8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位</a:t>
                      </a:r>
                      <a:endParaRPr kumimoji="1" lang="ja-JP" altLang="en-US" sz="800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800" b="0" dirty="0" smtClean="0">
                          <a:solidFill>
                            <a:schemeClr val="tx1"/>
                          </a:solidFill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東京ディズニーシー</a:t>
                      </a:r>
                      <a:endParaRPr kumimoji="1" lang="ja-JP" altLang="en-US" sz="800" b="0" dirty="0">
                        <a:solidFill>
                          <a:schemeClr val="tx1"/>
                        </a:solidFill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36000" marR="36000" marT="36000" marB="3600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9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       1,360</a:t>
                      </a:r>
                      <a:endParaRPr kumimoji="1" lang="ja-JP" altLang="en-US" sz="900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800" dirty="0" smtClean="0">
                          <a:latin typeface="Meiryo UI" pitchFamily="50" charset="-128"/>
                          <a:ea typeface="Meiryo UI" pitchFamily="50" charset="-128"/>
                          <a:cs typeface="Meiryo UI" pitchFamily="50" charset="-128"/>
                        </a:rPr>
                        <a:t>-3.5%</a:t>
                      </a:r>
                      <a:endParaRPr kumimoji="1" lang="ja-JP" altLang="en-US" sz="800" dirty="0">
                        <a:latin typeface="Meiryo UI" pitchFamily="50" charset="-128"/>
                        <a:ea typeface="Meiryo UI" pitchFamily="50" charset="-128"/>
                        <a:cs typeface="Meiryo UI" pitchFamily="50" charset="-128"/>
                      </a:endParaRPr>
                    </a:p>
                  </a:txBody>
                  <a:tcPr marL="0" marR="0" marT="36000" marB="3600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FFFFFF"/>
                    </a:solidFill>
                  </a:tcPr>
                </a:tc>
              </a:tr>
            </a:tbl>
          </a:graphicData>
        </a:graphic>
      </p:graphicFrame>
      <p:sp>
        <p:nvSpPr>
          <p:cNvPr id="198" name="正方形/長方形 197"/>
          <p:cNvSpPr/>
          <p:nvPr/>
        </p:nvSpPr>
        <p:spPr>
          <a:xfrm>
            <a:off x="10204368" y="3291688"/>
            <a:ext cx="2452254" cy="234286"/>
          </a:xfrm>
          <a:prstGeom prst="rect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txBody>
          <a:bodyPr wrap="square" lIns="0" tIns="36000" rIns="0" bIns="36000">
            <a:spAutoFit/>
          </a:bodyPr>
          <a:lstStyle/>
          <a:p>
            <a:pPr algn="ctr"/>
            <a:r>
              <a:rPr lang="ja-JP" altLang="en-US" sz="1000" b="1" dirty="0">
                <a:solidFill>
                  <a:srgbClr val="FFFFFF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主要テーマパーク年間入場者</a:t>
            </a:r>
            <a:r>
              <a:rPr lang="en-US" altLang="ja-JP" sz="1000" b="1" dirty="0">
                <a:solidFill>
                  <a:srgbClr val="FFFFFF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(</a:t>
            </a:r>
            <a:r>
              <a:rPr lang="en-US" altLang="ja-JP" sz="1000" b="1" dirty="0" smtClean="0">
                <a:solidFill>
                  <a:srgbClr val="FFFFFF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H27) </a:t>
            </a:r>
            <a:endParaRPr lang="en-US" altLang="ja-JP" sz="1000" b="1" dirty="0">
              <a:solidFill>
                <a:srgbClr val="FFFFFF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50" name="角丸四角形 149"/>
          <p:cNvSpPr/>
          <p:nvPr/>
        </p:nvSpPr>
        <p:spPr>
          <a:xfrm>
            <a:off x="4318251" y="5058967"/>
            <a:ext cx="986599" cy="344482"/>
          </a:xfrm>
          <a:prstGeom prst="roundRect">
            <a:avLst>
              <a:gd name="adj" fmla="val 10460"/>
            </a:avLst>
          </a:prstGeom>
          <a:solidFill>
            <a:srgbClr val="FFC000"/>
          </a:solidFill>
          <a:ln w="635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72000" tIns="72000" rIns="72000" bIns="36000" rtlCol="0" anchor="ctr" anchorCtr="0">
            <a:spAutoFit/>
          </a:bodyPr>
          <a:lstStyle/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8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ユニバーサル・</a:t>
            </a:r>
            <a:endParaRPr lang="en-US" altLang="ja-JP" sz="800" b="1" dirty="0">
              <a:solidFill>
                <a:schemeClr val="bg1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800" b="1" dirty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スタジオ・ジャパン</a:t>
            </a:r>
          </a:p>
        </p:txBody>
      </p:sp>
      <p:sp>
        <p:nvSpPr>
          <p:cNvPr id="225" name="円/楕円 224"/>
          <p:cNvSpPr/>
          <p:nvPr/>
        </p:nvSpPr>
        <p:spPr bwMode="auto">
          <a:xfrm>
            <a:off x="5622386" y="6179149"/>
            <a:ext cx="1257300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27" name="テキスト ボックス 226"/>
          <p:cNvSpPr txBox="1"/>
          <p:nvPr/>
        </p:nvSpPr>
        <p:spPr bwMode="auto">
          <a:xfrm>
            <a:off x="5604569" y="6381640"/>
            <a:ext cx="1374322" cy="3293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kumimoji="1"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百舌鳥・古市古墳群・</a:t>
            </a:r>
            <a:endParaRPr kumimoji="1"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kumimoji="1"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竹内街道地区</a:t>
            </a:r>
          </a:p>
        </p:txBody>
      </p:sp>
      <p:sp>
        <p:nvSpPr>
          <p:cNvPr id="232" name="円/楕円 231"/>
          <p:cNvSpPr/>
          <p:nvPr/>
        </p:nvSpPr>
        <p:spPr bwMode="auto">
          <a:xfrm>
            <a:off x="3320698" y="4201886"/>
            <a:ext cx="1207907" cy="436789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3" name="テキスト ボックス 232"/>
          <p:cNvSpPr txBox="1"/>
          <p:nvPr/>
        </p:nvSpPr>
        <p:spPr bwMode="auto">
          <a:xfrm>
            <a:off x="3273878" y="4382861"/>
            <a:ext cx="1374322" cy="1754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kumimoji="1"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六甲・有馬・北野地区</a:t>
            </a:r>
          </a:p>
        </p:txBody>
      </p:sp>
      <p:sp>
        <p:nvSpPr>
          <p:cNvPr id="187" name="テキスト ボックス 186"/>
          <p:cNvSpPr txBox="1"/>
          <p:nvPr/>
        </p:nvSpPr>
        <p:spPr>
          <a:xfrm>
            <a:off x="11134733" y="4533027"/>
            <a:ext cx="1655196" cy="197934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pPr>
              <a:lnSpc>
                <a:spcPct val="150000"/>
              </a:lnSpc>
              <a:spcAft>
                <a:spcPts val="1200"/>
              </a:spcAft>
            </a:pPr>
            <a:r>
              <a:rPr lang="ja-JP" altLang="en-US" sz="5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出典：</a:t>
            </a:r>
            <a:r>
              <a:rPr lang="en-US" altLang="ja-JP" sz="700" dirty="0"/>
              <a:t>Themed Entertainment Association</a:t>
            </a:r>
            <a:endParaRPr lang="ja-JP" altLang="en-US" sz="5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91" name="円/楕円 190"/>
          <p:cNvSpPr/>
          <p:nvPr/>
        </p:nvSpPr>
        <p:spPr bwMode="auto">
          <a:xfrm>
            <a:off x="5536704" y="8833048"/>
            <a:ext cx="1521333" cy="619125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grpSp>
        <p:nvGrpSpPr>
          <p:cNvPr id="9" name="グループ化 8"/>
          <p:cNvGrpSpPr/>
          <p:nvPr/>
        </p:nvGrpSpPr>
        <p:grpSpPr>
          <a:xfrm>
            <a:off x="6006255" y="2679245"/>
            <a:ext cx="1441341" cy="2069485"/>
            <a:chOff x="13374606" y="2793443"/>
            <a:chExt cx="1441341" cy="2069485"/>
          </a:xfrm>
        </p:grpSpPr>
        <p:sp>
          <p:nvSpPr>
            <p:cNvPr id="272" name="角丸四角形 271"/>
            <p:cNvSpPr/>
            <p:nvPr/>
          </p:nvSpPr>
          <p:spPr bwMode="auto">
            <a:xfrm>
              <a:off x="13490972" y="2836111"/>
              <a:ext cx="1296315" cy="571423"/>
            </a:xfrm>
            <a:prstGeom prst="roundRect">
              <a:avLst>
                <a:gd name="adj" fmla="val 7700"/>
              </a:avLst>
            </a:prstGeom>
            <a:solidFill>
              <a:srgbClr val="C0000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2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1" lang="ja-JP" altLang="en-US" sz="40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ＭＳ Ｐゴシック" pitchFamily="50" charset="-128"/>
              </a:endParaRPr>
            </a:p>
          </p:txBody>
        </p:sp>
        <p:sp>
          <p:nvSpPr>
            <p:cNvPr id="280" name="二等辺三角形 279"/>
            <p:cNvSpPr/>
            <p:nvPr/>
          </p:nvSpPr>
          <p:spPr bwMode="auto">
            <a:xfrm rot="1339811" flipV="1">
              <a:off x="14010680" y="3144030"/>
              <a:ext cx="226089" cy="1718898"/>
            </a:xfrm>
            <a:prstGeom prst="triangle">
              <a:avLst/>
            </a:prstGeom>
            <a:solidFill>
              <a:srgbClr val="C00000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2000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1" lang="ja-JP" altLang="en-US" sz="40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ＭＳ Ｐゴシック" pitchFamily="50" charset="-128"/>
              </a:endParaRPr>
            </a:p>
          </p:txBody>
        </p:sp>
        <p:sp>
          <p:nvSpPr>
            <p:cNvPr id="273" name="正方形/長方形 272"/>
            <p:cNvSpPr/>
            <p:nvPr/>
          </p:nvSpPr>
          <p:spPr>
            <a:xfrm>
              <a:off x="13374606" y="2793443"/>
              <a:ext cx="1441341" cy="456168"/>
            </a:xfrm>
            <a:prstGeom prst="rect">
              <a:avLst/>
            </a:prstGeom>
            <a:noFill/>
          </p:spPr>
          <p:txBody>
            <a:bodyPr wrap="square" lIns="108000" tIns="64008" rIns="0" bIns="64008">
              <a:spAutoFit/>
            </a:bodyPr>
            <a:lstStyle/>
            <a:p>
              <a:pPr algn="ctr"/>
              <a:r>
                <a:rPr lang="ja-JP" altLang="en-US" sz="900" b="1" dirty="0" smtClean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  <a:cs typeface="Meiryo UI" panose="020B0604030504040204" pitchFamily="50" charset="-128"/>
                </a:rPr>
                <a:t>所要時間が</a:t>
              </a:r>
              <a:endParaRPr lang="en-US" altLang="ja-JP" sz="900" b="1" dirty="0" smtClean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endParaRPr>
            </a:p>
            <a:p>
              <a:pPr algn="ctr"/>
              <a:r>
                <a:rPr lang="ja-JP" altLang="en-US" sz="1400" b="1" dirty="0" smtClean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  <a:cs typeface="Meiryo UI" panose="020B0604030504040204" pitchFamily="50" charset="-128"/>
                </a:rPr>
                <a:t>最大</a:t>
              </a:r>
              <a:r>
                <a:rPr lang="en-US" altLang="ja-JP" sz="1400" b="1" dirty="0" smtClean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  <a:cs typeface="Meiryo UI" panose="020B0604030504040204" pitchFamily="50" charset="-128"/>
                </a:rPr>
                <a:t>15</a:t>
              </a:r>
              <a:r>
                <a:rPr lang="ja-JP" altLang="en-US" sz="1400" b="1" dirty="0" smtClean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  <a:cs typeface="Meiryo UI" panose="020B0604030504040204" pitchFamily="50" charset="-128"/>
                </a:rPr>
                <a:t>分短縮</a:t>
              </a:r>
              <a:endParaRPr lang="en-US" altLang="ja-JP" sz="1400" b="1" dirty="0" smtClean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endParaRPr>
            </a:p>
            <a:p>
              <a:pPr algn="ctr"/>
              <a:r>
                <a:rPr lang="ja-JP" altLang="en-US" sz="1100" b="1" dirty="0" smtClean="0">
                  <a:solidFill>
                    <a:schemeClr val="bg1"/>
                  </a:solidFill>
                  <a:latin typeface="Meiryo UI" panose="020B0604030504040204" pitchFamily="50" charset="-128"/>
                  <a:ea typeface="Meiryo UI" panose="020B0604030504040204" pitchFamily="50" charset="-128"/>
                  <a:cs typeface="Meiryo UI" panose="020B0604030504040204" pitchFamily="50" charset="-128"/>
                </a:rPr>
                <a:t>（大阪⇔京都）</a:t>
              </a:r>
              <a:endParaRPr lang="en-US" altLang="ja-JP" sz="1050" b="1" dirty="0" smtClean="0">
                <a:solidFill>
                  <a:schemeClr val="bg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endParaRPr>
            </a:p>
          </p:txBody>
        </p:sp>
      </p:grpSp>
      <p:sp>
        <p:nvSpPr>
          <p:cNvPr id="303" name="正方形/長方形 302"/>
          <p:cNvSpPr/>
          <p:nvPr/>
        </p:nvSpPr>
        <p:spPr bwMode="auto">
          <a:xfrm>
            <a:off x="9152513" y="7159082"/>
            <a:ext cx="3555051" cy="2274239"/>
          </a:xfrm>
          <a:prstGeom prst="rect">
            <a:avLst/>
          </a:prstGeom>
          <a:solidFill>
            <a:srgbClr val="FFFFFF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grpSp>
        <p:nvGrpSpPr>
          <p:cNvPr id="267" name="グループ化 266"/>
          <p:cNvGrpSpPr/>
          <p:nvPr/>
        </p:nvGrpSpPr>
        <p:grpSpPr>
          <a:xfrm>
            <a:off x="9215574" y="7201683"/>
            <a:ext cx="3482274" cy="2177230"/>
            <a:chOff x="812011" y="6553353"/>
            <a:chExt cx="1523780" cy="839536"/>
          </a:xfrm>
        </p:grpSpPr>
        <p:pic>
          <p:nvPicPr>
            <p:cNvPr id="297" name="Picture 9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12012" y="6632833"/>
              <a:ext cx="1500483" cy="753364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298" name="テキスト ボックス 297"/>
            <p:cNvSpPr txBox="1"/>
            <p:nvPr/>
          </p:nvSpPr>
          <p:spPr>
            <a:xfrm>
              <a:off x="865450" y="6553353"/>
              <a:ext cx="1446937" cy="112074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36000" tIns="36000" rIns="36000" bIns="0" rtlCol="0">
              <a:spAutoFit/>
            </a:bodyPr>
            <a:lstStyle/>
            <a:p>
              <a:pPr>
                <a:spcAft>
                  <a:spcPts val="1200"/>
                </a:spcAft>
              </a:pPr>
              <a:r>
                <a:rPr lang="en-US" altLang="ja-JP" sz="900" b="1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【</a:t>
              </a:r>
              <a:r>
                <a:rPr lang="ja-JP" altLang="en-US" sz="900" b="1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外国人観光客が大阪で利用した交通機関</a:t>
              </a:r>
              <a:r>
                <a:rPr lang="en-US" altLang="ja-JP" sz="900" b="1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】</a:t>
              </a:r>
              <a:endParaRPr lang="ja-JP" altLang="en-US" sz="9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endParaRPr>
            </a:p>
          </p:txBody>
        </p:sp>
        <p:sp>
          <p:nvSpPr>
            <p:cNvPr id="299" name="テキスト ボックス 298"/>
            <p:cNvSpPr txBox="1"/>
            <p:nvPr/>
          </p:nvSpPr>
          <p:spPr>
            <a:xfrm>
              <a:off x="1117760" y="7313055"/>
              <a:ext cx="368258" cy="72619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36000" tIns="36000" rIns="36000" bIns="0" rtlCol="0">
              <a:spAutoFit/>
            </a:bodyPr>
            <a:lstStyle/>
            <a:p>
              <a:pPr>
                <a:spcAft>
                  <a:spcPts val="1200"/>
                </a:spcAft>
              </a:pPr>
              <a:r>
                <a:rPr lang="en-US" altLang="ja-JP" sz="5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N=247</a:t>
              </a:r>
              <a:r>
                <a:rPr lang="ja-JP" altLang="en-US" sz="5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複数回答</a:t>
              </a:r>
            </a:p>
          </p:txBody>
        </p:sp>
        <p:sp>
          <p:nvSpPr>
            <p:cNvPr id="300" name="テキスト ボックス 299"/>
            <p:cNvSpPr txBox="1"/>
            <p:nvPr/>
          </p:nvSpPr>
          <p:spPr>
            <a:xfrm>
              <a:off x="1305607" y="7313055"/>
              <a:ext cx="1030184" cy="72619"/>
            </a:xfrm>
            <a:prstGeom prst="rect">
              <a:avLst/>
            </a:prstGeom>
            <a:noFill/>
            <a:ln>
              <a:noFill/>
            </a:ln>
          </p:spPr>
          <p:txBody>
            <a:bodyPr wrap="square" lIns="36000" tIns="36000" rIns="36000" bIns="0" rtlCol="0">
              <a:spAutoFit/>
            </a:bodyPr>
            <a:lstStyle/>
            <a:p>
              <a:pPr algn="r">
                <a:spcAft>
                  <a:spcPts val="1200"/>
                </a:spcAft>
              </a:pPr>
              <a:r>
                <a:rPr lang="ja-JP" altLang="en-US" sz="5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出典：大阪府観光動向調査（</a:t>
              </a:r>
              <a:r>
                <a:rPr lang="en-US" altLang="ja-JP" sz="5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H24</a:t>
              </a:r>
              <a:r>
                <a:rPr lang="ja-JP" altLang="en-US" sz="500" dirty="0" smtClean="0">
                  <a:latin typeface="Meiryo UI" pitchFamily="50" charset="-128"/>
                  <a:ea typeface="Meiryo UI" pitchFamily="50" charset="-128"/>
                  <a:cs typeface="Meiryo UI" pitchFamily="50" charset="-128"/>
                </a:rPr>
                <a:t>年度）</a:t>
              </a:r>
            </a:p>
          </p:txBody>
        </p:sp>
        <p:sp>
          <p:nvSpPr>
            <p:cNvPr id="301" name="正方形/長方形 300"/>
            <p:cNvSpPr/>
            <p:nvPr/>
          </p:nvSpPr>
          <p:spPr>
            <a:xfrm>
              <a:off x="812011" y="6559967"/>
              <a:ext cx="1500483" cy="832922"/>
            </a:xfrm>
            <a:prstGeom prst="rect">
              <a:avLst/>
            </a:prstGeom>
            <a:noFill/>
            <a:ln w="6350">
              <a:solidFill>
                <a:schemeClr val="tx1"/>
              </a:solidFill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192" name="テキスト ボックス 191"/>
          <p:cNvSpPr txBox="1"/>
          <p:nvPr/>
        </p:nvSpPr>
        <p:spPr bwMode="auto">
          <a:xfrm>
            <a:off x="5448603" y="9006437"/>
            <a:ext cx="1619250" cy="32938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世界遺産）</a:t>
            </a:r>
            <a:endParaRPr lang="en-US" altLang="ja-JP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>
              <a:lnSpc>
                <a:spcPts val="600"/>
              </a:lnSpc>
              <a:spcBef>
                <a:spcPct val="50000"/>
              </a:spcBef>
            </a:pPr>
            <a:r>
              <a:rPr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紀伊山地の霊場と参詣道</a:t>
            </a:r>
            <a:endParaRPr kumimoji="1" lang="ja-JP" altLang="en-US" sz="1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160" name="正方形/長方形 159"/>
          <p:cNvSpPr/>
          <p:nvPr/>
        </p:nvSpPr>
        <p:spPr>
          <a:xfrm>
            <a:off x="9775579" y="4923591"/>
            <a:ext cx="2940107" cy="2129814"/>
          </a:xfrm>
          <a:prstGeom prst="rect">
            <a:avLst/>
          </a:prstGeom>
          <a:solidFill>
            <a:srgbClr val="FFFFFF"/>
          </a:solidFill>
          <a:ln>
            <a:solidFill>
              <a:srgbClr val="0000FF"/>
            </a:solidFill>
          </a:ln>
        </p:spPr>
        <p:txBody>
          <a:bodyPr wrap="square" lIns="0" tIns="64008" rIns="0" bIns="64008">
            <a:spAutoFit/>
          </a:bodyPr>
          <a:lstStyle/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pic>
        <p:nvPicPr>
          <p:cNvPr id="242" name="コンテンツ プレースホルダー 5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4700" t="84620" r="8932" b="6569"/>
          <a:stretch/>
        </p:blipFill>
        <p:spPr bwMode="auto">
          <a:xfrm>
            <a:off x="11723491" y="5097897"/>
            <a:ext cx="847061" cy="7443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2" name="正方形/長方形 161"/>
          <p:cNvSpPr/>
          <p:nvPr/>
        </p:nvSpPr>
        <p:spPr>
          <a:xfrm>
            <a:off x="9777296" y="4735598"/>
            <a:ext cx="2941200" cy="313932"/>
          </a:xfrm>
          <a:prstGeom prst="rect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txBody>
          <a:bodyPr wrap="square" lIns="0" tIns="64008" rIns="0" bIns="64008">
            <a:spAutoFit/>
          </a:bodyPr>
          <a:lstStyle/>
          <a:p>
            <a:pPr algn="ctr"/>
            <a:r>
              <a:rPr lang="ja-JP" altLang="en-US" sz="1200" b="1" dirty="0" smtClean="0">
                <a:solidFill>
                  <a:srgbClr val="FFFFFF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関西におけるインバウンド消費の推移</a:t>
            </a:r>
            <a:endParaRPr lang="ja-JP" altLang="en-US" sz="1200" b="1" dirty="0">
              <a:solidFill>
                <a:srgbClr val="FFFFFF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65" name="テキスト ボックス 164"/>
          <p:cNvSpPr txBox="1"/>
          <p:nvPr/>
        </p:nvSpPr>
        <p:spPr>
          <a:xfrm>
            <a:off x="11695875" y="5891429"/>
            <a:ext cx="1003301" cy="159462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pPr algn="ctr"/>
            <a:r>
              <a:rPr lang="ja-JP" altLang="en-US" sz="8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大阪都心</a:t>
            </a:r>
            <a:r>
              <a:rPr lang="en-US" altLang="ja-JP" sz="8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(</a:t>
            </a:r>
            <a:r>
              <a:rPr lang="ja-JP" altLang="en-US" sz="8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うめきた等</a:t>
            </a:r>
            <a:r>
              <a:rPr lang="en-US" altLang="ja-JP" sz="8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)</a:t>
            </a:r>
            <a:endParaRPr lang="ja-JP" altLang="en-US" sz="8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71" name="テキスト ボックス 170"/>
          <p:cNvSpPr txBox="1"/>
          <p:nvPr/>
        </p:nvSpPr>
        <p:spPr>
          <a:xfrm>
            <a:off x="11686350" y="6870742"/>
            <a:ext cx="1003301" cy="159462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pPr algn="ctr"/>
            <a:r>
              <a:rPr lang="ja-JP" altLang="en-US" sz="8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神戸ハーバーランド</a:t>
            </a:r>
            <a:endParaRPr lang="ja-JP" altLang="en-US" sz="8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pic>
        <p:nvPicPr>
          <p:cNvPr id="199" name="図 198"/>
          <p:cNvPicPr>
            <a:picLocks noChangeAspect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696" t="24238" r="5850" b="11082"/>
          <a:stretch/>
        </p:blipFill>
        <p:spPr>
          <a:xfrm>
            <a:off x="11753963" y="6176662"/>
            <a:ext cx="914896" cy="628264"/>
          </a:xfrm>
          <a:prstGeom prst="rect">
            <a:avLst/>
          </a:prstGeom>
        </p:spPr>
      </p:pic>
      <p:sp>
        <p:nvSpPr>
          <p:cNvPr id="304" name="正方形/長方形 303"/>
          <p:cNvSpPr/>
          <p:nvPr/>
        </p:nvSpPr>
        <p:spPr>
          <a:xfrm>
            <a:off x="10380853" y="1375250"/>
            <a:ext cx="2199526" cy="821735"/>
          </a:xfrm>
          <a:prstGeom prst="rect">
            <a:avLst/>
          </a:prstGeom>
          <a:solidFill>
            <a:schemeClr val="bg1"/>
          </a:solidFill>
          <a:ln w="15875">
            <a:solidFill>
              <a:schemeClr val="tx1"/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05" name="テキスト ボックス 304"/>
          <p:cNvSpPr txBox="1"/>
          <p:nvPr/>
        </p:nvSpPr>
        <p:spPr>
          <a:xfrm>
            <a:off x="10416869" y="1586568"/>
            <a:ext cx="2186847" cy="590349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r>
              <a:rPr lang="ja-JP" altLang="en-US" sz="900" dirty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移動時間が短縮されれば、滞在時間を延ばしてゆったりと観光や買い物をしてもらうことが</a:t>
            </a:r>
            <a:r>
              <a:rPr lang="ja-JP" altLang="en-US" sz="9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でき、</a:t>
            </a:r>
            <a:r>
              <a:rPr lang="ja-JP" altLang="en-US" sz="900" dirty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客様の満足度向上や観光地の消費拡大にも</a:t>
            </a:r>
            <a:r>
              <a:rPr lang="ja-JP" altLang="en-US" sz="9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つながります。</a:t>
            </a:r>
            <a:endParaRPr lang="en-US" altLang="ja-JP" sz="9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pic>
        <p:nvPicPr>
          <p:cNvPr id="306" name="Picture 12" descr="C:\Users\hatch\AppData\Local\Microsoft\Windows\Temporary Internet Files\Content.IE5\3A0Q7992\Nuvola_apps_edu_languages.svg[1]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86950" y="1357684"/>
            <a:ext cx="256925" cy="2569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7" name="テキスト ボックス 306"/>
          <p:cNvSpPr txBox="1"/>
          <p:nvPr/>
        </p:nvSpPr>
        <p:spPr>
          <a:xfrm>
            <a:off x="10334470" y="1394463"/>
            <a:ext cx="1235474" cy="205629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pPr>
              <a:spcAft>
                <a:spcPts val="1200"/>
              </a:spcAft>
            </a:pPr>
            <a:r>
              <a:rPr lang="en-US" altLang="ja-JP" sz="105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【</a:t>
            </a:r>
            <a:r>
              <a:rPr lang="ja-JP" altLang="en-US" sz="105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旅行会社の声</a:t>
            </a:r>
            <a:r>
              <a:rPr lang="en-US" altLang="ja-JP" sz="105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】</a:t>
            </a:r>
            <a:endParaRPr lang="en-US" altLang="ja-JP" sz="9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308" name="テキスト ボックス 307"/>
          <p:cNvSpPr txBox="1"/>
          <p:nvPr/>
        </p:nvSpPr>
        <p:spPr>
          <a:xfrm>
            <a:off x="986323" y="6040588"/>
            <a:ext cx="603107" cy="151768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 anchor="ctr" anchorCtr="0">
            <a:spAutoFit/>
          </a:bodyPr>
          <a:lstStyle/>
          <a:p>
            <a:pPr algn="ctr">
              <a:lnSpc>
                <a:spcPct val="150000"/>
              </a:lnSpc>
              <a:spcAft>
                <a:spcPts val="1200"/>
              </a:spcAft>
            </a:pPr>
            <a:r>
              <a:rPr lang="ja-JP" altLang="en-US" sz="5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提供</a:t>
            </a:r>
            <a:r>
              <a:rPr lang="en-US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:</a:t>
            </a:r>
            <a:r>
              <a:rPr lang="ja-JP" altLang="en-US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姫路市</a:t>
            </a:r>
          </a:p>
        </p:txBody>
      </p:sp>
      <p:pic>
        <p:nvPicPr>
          <p:cNvPr id="2" name="図 1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955902" y="2237719"/>
            <a:ext cx="1242311" cy="828000"/>
          </a:xfrm>
          <a:prstGeom prst="rect">
            <a:avLst/>
          </a:prstGeom>
        </p:spPr>
      </p:pic>
      <p:sp>
        <p:nvSpPr>
          <p:cNvPr id="309" name="テキスト ボックス 308"/>
          <p:cNvSpPr txBox="1"/>
          <p:nvPr/>
        </p:nvSpPr>
        <p:spPr>
          <a:xfrm>
            <a:off x="11730101" y="6760966"/>
            <a:ext cx="973028" cy="135610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 anchor="ctr" anchorCtr="0">
            <a:spAutoFit/>
          </a:bodyPr>
          <a:lstStyle/>
          <a:p>
            <a:pPr algn="r">
              <a:lnSpc>
                <a:spcPct val="150000"/>
              </a:lnSpc>
              <a:spcAft>
                <a:spcPts val="1200"/>
              </a:spcAft>
            </a:pPr>
            <a:r>
              <a:rPr lang="ja-JP" altLang="en-US" sz="5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提供</a:t>
            </a:r>
            <a:r>
              <a:rPr lang="en-US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:</a:t>
            </a:r>
            <a:r>
              <a:rPr lang="ja-JP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神戸市</a:t>
            </a:r>
            <a:endParaRPr lang="ja-JP" altLang="en-US" sz="5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313" name="角丸四角形 312"/>
          <p:cNvSpPr/>
          <p:nvPr/>
        </p:nvSpPr>
        <p:spPr>
          <a:xfrm>
            <a:off x="2684200" y="5072020"/>
            <a:ext cx="627062" cy="112178"/>
          </a:xfrm>
          <a:prstGeom prst="roundRect">
            <a:avLst>
              <a:gd name="adj" fmla="val 10460"/>
            </a:avLst>
          </a:prstGeom>
          <a:solidFill>
            <a:srgbClr val="92D050"/>
          </a:solidFill>
          <a:ln w="635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18000" rIns="0" bIns="10800" rtlCol="0" anchor="ctr" anchorCtr="0">
            <a:spAutoFit/>
          </a:bodyPr>
          <a:lstStyle/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600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神戸ハーバーランド</a:t>
            </a:r>
          </a:p>
        </p:txBody>
      </p:sp>
      <p:pic>
        <p:nvPicPr>
          <p:cNvPr id="1026" name="Picture 2" descr="C:\Users\i5226409\Desktop\うめきた写真\y037.JP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11753963" y="5203446"/>
            <a:ext cx="927908" cy="615973"/>
          </a:xfrm>
          <a:prstGeom prst="rect">
            <a:avLst/>
          </a:prstGeom>
          <a:noFill/>
        </p:spPr>
      </p:pic>
      <p:sp>
        <p:nvSpPr>
          <p:cNvPr id="311" name="テキスト ボックス 310"/>
          <p:cNvSpPr txBox="1"/>
          <p:nvPr/>
        </p:nvSpPr>
        <p:spPr>
          <a:xfrm>
            <a:off x="12174337" y="5780490"/>
            <a:ext cx="661988" cy="135610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 anchor="ctr" anchorCtr="0">
            <a:spAutoFit/>
          </a:bodyPr>
          <a:lstStyle/>
          <a:p>
            <a:pPr algn="ctr">
              <a:lnSpc>
                <a:spcPct val="150000"/>
              </a:lnSpc>
              <a:spcAft>
                <a:spcPts val="1200"/>
              </a:spcAft>
            </a:pPr>
            <a:r>
              <a:rPr lang="ja-JP" altLang="en-US" sz="5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提供</a:t>
            </a:r>
            <a:r>
              <a:rPr lang="en-US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:</a:t>
            </a:r>
            <a:r>
              <a:rPr lang="ja-JP" altLang="en-US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大阪</a:t>
            </a:r>
            <a:r>
              <a:rPr lang="ja-JP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市</a:t>
            </a:r>
            <a:endParaRPr lang="ja-JP" altLang="en-US" sz="5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5" name="二等辺三角形 4"/>
          <p:cNvSpPr/>
          <p:nvPr/>
        </p:nvSpPr>
        <p:spPr bwMode="auto">
          <a:xfrm rot="13590856">
            <a:off x="5304470" y="4743210"/>
            <a:ext cx="56626" cy="199624"/>
          </a:xfrm>
          <a:prstGeom prst="triangle">
            <a:avLst/>
          </a:prstGeom>
          <a:solidFill>
            <a:srgbClr val="FF99CC">
              <a:alpha val="5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1" name="二等辺三角形 180"/>
          <p:cNvSpPr/>
          <p:nvPr/>
        </p:nvSpPr>
        <p:spPr bwMode="auto">
          <a:xfrm rot="2612449">
            <a:off x="5213386" y="4857652"/>
            <a:ext cx="76106" cy="218166"/>
          </a:xfrm>
          <a:prstGeom prst="triangle">
            <a:avLst>
              <a:gd name="adj" fmla="val 0"/>
            </a:avLst>
          </a:prstGeom>
          <a:solidFill>
            <a:srgbClr val="FF99CC">
              <a:alpha val="5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2" name="テキスト ボックス 181"/>
          <p:cNvSpPr txBox="1"/>
          <p:nvPr/>
        </p:nvSpPr>
        <p:spPr bwMode="auto">
          <a:xfrm>
            <a:off x="3206020" y="6938384"/>
            <a:ext cx="956314" cy="34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 w="9525">
            <a:noFill/>
            <a:miter lim="800000"/>
            <a:headEnd/>
            <a:tailEnd/>
          </a:ln>
          <a:effectLst/>
        </p:spPr>
        <p:txBody>
          <a:bodyPr wrap="square" lIns="36000" tIns="108000" rIns="36000" rtlCol="0" anchor="ctr">
            <a:noAutofit/>
          </a:bodyPr>
          <a:lstStyle/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700" b="1" dirty="0" smtClean="0">
                <a:solidFill>
                  <a:schemeClr val="accent4">
                    <a:lumMod val="85000"/>
                    <a:lumOff val="1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国際拠点空港</a:t>
            </a:r>
            <a:endParaRPr lang="en-US" altLang="ja-JP" sz="700" b="1" dirty="0" smtClean="0">
              <a:solidFill>
                <a:schemeClr val="accent4">
                  <a:lumMod val="85000"/>
                  <a:lumOff val="15000"/>
                </a:schemeClr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kumimoji="1" lang="ja-JP" altLang="en-US" sz="1050" b="1" dirty="0" smtClean="0">
                <a:solidFill>
                  <a:schemeClr val="accent4">
                    <a:lumMod val="85000"/>
                    <a:lumOff val="15000"/>
                  </a:schemeClr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関西国際空港</a:t>
            </a:r>
          </a:p>
        </p:txBody>
      </p:sp>
      <p:sp>
        <p:nvSpPr>
          <p:cNvPr id="10" name="正方形/長方形 9"/>
          <p:cNvSpPr/>
          <p:nvPr/>
        </p:nvSpPr>
        <p:spPr bwMode="auto">
          <a:xfrm>
            <a:off x="6221389" y="5094244"/>
            <a:ext cx="361410" cy="98002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4" name="正方形/長方形 183"/>
          <p:cNvSpPr/>
          <p:nvPr/>
        </p:nvSpPr>
        <p:spPr bwMode="auto">
          <a:xfrm>
            <a:off x="5997648" y="5072224"/>
            <a:ext cx="180705" cy="312541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04" name="円/楕円 203"/>
          <p:cNvSpPr/>
          <p:nvPr/>
        </p:nvSpPr>
        <p:spPr bwMode="auto">
          <a:xfrm>
            <a:off x="5659923" y="4894241"/>
            <a:ext cx="1098097" cy="436789"/>
          </a:xfrm>
          <a:prstGeom prst="ellipse">
            <a:avLst/>
          </a:prstGeom>
          <a:solidFill>
            <a:srgbClr val="FFC000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06" name="テキスト ボックス 205"/>
          <p:cNvSpPr txBox="1"/>
          <p:nvPr/>
        </p:nvSpPr>
        <p:spPr bwMode="auto">
          <a:xfrm>
            <a:off x="5645743" y="5047134"/>
            <a:ext cx="1374322" cy="1754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rtlCol="0">
            <a:spAutoFit/>
          </a:bodyPr>
          <a:lstStyle/>
          <a:p>
            <a:pPr>
              <a:lnSpc>
                <a:spcPts val="600"/>
              </a:lnSpc>
              <a:spcBef>
                <a:spcPct val="50000"/>
              </a:spcBef>
            </a:pPr>
            <a:r>
              <a:rPr kumimoji="1" lang="ja-JP" altLang="en-US" sz="1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大阪城エリア地区</a:t>
            </a:r>
          </a:p>
        </p:txBody>
      </p:sp>
      <p:sp>
        <p:nvSpPr>
          <p:cNvPr id="312" name="角丸四角形 311"/>
          <p:cNvSpPr/>
          <p:nvPr/>
        </p:nvSpPr>
        <p:spPr>
          <a:xfrm>
            <a:off x="5607756" y="4837754"/>
            <a:ext cx="721264" cy="112178"/>
          </a:xfrm>
          <a:prstGeom prst="roundRect">
            <a:avLst>
              <a:gd name="adj" fmla="val 10460"/>
            </a:avLst>
          </a:prstGeom>
          <a:solidFill>
            <a:srgbClr val="92D050"/>
          </a:solidFill>
          <a:ln w="6350" cmpd="sng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18000" rIns="0" bIns="10800" rtlCol="0" anchor="ctr" anchorCtr="0">
            <a:spAutoFit/>
          </a:bodyPr>
          <a:lstStyle/>
          <a:p>
            <a:pPr algn="ctr">
              <a:lnSpc>
                <a:spcPts val="600"/>
              </a:lnSpc>
              <a:spcBef>
                <a:spcPct val="50000"/>
              </a:spcBef>
            </a:pPr>
            <a:r>
              <a:rPr lang="ja-JP" altLang="en-US" sz="600" dirty="0" smtClean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大阪都心</a:t>
            </a:r>
            <a:r>
              <a:rPr lang="en-US" altLang="ja-JP" sz="600" dirty="0" smtClean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(</a:t>
            </a:r>
            <a:r>
              <a:rPr lang="ja-JP" altLang="en-US" sz="600" dirty="0" smtClean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うめきた等</a:t>
            </a:r>
            <a:r>
              <a:rPr lang="en-US" altLang="ja-JP" sz="600" dirty="0" smtClean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)</a:t>
            </a:r>
            <a:endParaRPr lang="ja-JP" altLang="en-US" sz="600" dirty="0">
              <a:solidFill>
                <a:schemeClr val="tx1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12" name="テキスト ボックス 211"/>
          <p:cNvSpPr txBox="1"/>
          <p:nvPr/>
        </p:nvSpPr>
        <p:spPr>
          <a:xfrm>
            <a:off x="10860706" y="3091777"/>
            <a:ext cx="1454930" cy="164569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>
            <a:spAutoFit/>
          </a:bodyPr>
          <a:lstStyle/>
          <a:p>
            <a:pPr algn="ctr"/>
            <a:r>
              <a:rPr lang="ja-JP" altLang="en-US" sz="8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ユニバーサル・スタジオ・ジャパン</a:t>
            </a:r>
          </a:p>
        </p:txBody>
      </p:sp>
      <p:sp>
        <p:nvSpPr>
          <p:cNvPr id="310" name="テキスト ボックス 309"/>
          <p:cNvSpPr txBox="1"/>
          <p:nvPr/>
        </p:nvSpPr>
        <p:spPr>
          <a:xfrm>
            <a:off x="11818705" y="3007843"/>
            <a:ext cx="435893" cy="151768"/>
          </a:xfrm>
          <a:prstGeom prst="rect">
            <a:avLst/>
          </a:prstGeom>
          <a:noFill/>
          <a:ln>
            <a:noFill/>
          </a:ln>
        </p:spPr>
        <p:txBody>
          <a:bodyPr wrap="square" lIns="36000" tIns="36000" rIns="36000" bIns="0" rtlCol="0" anchor="ctr" anchorCtr="0">
            <a:spAutoFit/>
          </a:bodyPr>
          <a:lstStyle/>
          <a:p>
            <a:pPr algn="ctr">
              <a:lnSpc>
                <a:spcPct val="150000"/>
              </a:lnSpc>
              <a:spcAft>
                <a:spcPts val="1200"/>
              </a:spcAft>
            </a:pPr>
            <a:r>
              <a:rPr lang="ja-JP" altLang="en-US" sz="5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提供</a:t>
            </a:r>
            <a:r>
              <a:rPr lang="en-US" altLang="ja-JP" sz="5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:USJ</a:t>
            </a:r>
            <a:endParaRPr lang="ja-JP" altLang="en-US" sz="5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09616" y="5144780"/>
            <a:ext cx="1913875" cy="18273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79" name="フリーフォーム 178"/>
          <p:cNvSpPr/>
          <p:nvPr/>
        </p:nvSpPr>
        <p:spPr bwMode="auto">
          <a:xfrm>
            <a:off x="10213149" y="5103306"/>
            <a:ext cx="1529727" cy="1594822"/>
          </a:xfrm>
          <a:custGeom>
            <a:avLst/>
            <a:gdLst>
              <a:gd name="connsiteX0" fmla="*/ 0 w 1957387"/>
              <a:gd name="connsiteY0" fmla="*/ 952500 h 981075"/>
              <a:gd name="connsiteX1" fmla="*/ 304800 w 1957387"/>
              <a:gd name="connsiteY1" fmla="*/ 923925 h 981075"/>
              <a:gd name="connsiteX2" fmla="*/ 800100 w 1957387"/>
              <a:gd name="connsiteY2" fmla="*/ 842962 h 981075"/>
              <a:gd name="connsiteX3" fmla="*/ 1090612 w 1957387"/>
              <a:gd name="connsiteY3" fmla="*/ 747712 h 981075"/>
              <a:gd name="connsiteX4" fmla="*/ 1390650 w 1957387"/>
              <a:gd name="connsiteY4" fmla="*/ 504825 h 981075"/>
              <a:gd name="connsiteX5" fmla="*/ 1704975 w 1957387"/>
              <a:gd name="connsiteY5" fmla="*/ 200025 h 981075"/>
              <a:gd name="connsiteX6" fmla="*/ 1619250 w 1957387"/>
              <a:gd name="connsiteY6" fmla="*/ 161925 h 981075"/>
              <a:gd name="connsiteX7" fmla="*/ 1952625 w 1957387"/>
              <a:gd name="connsiteY7" fmla="*/ 0 h 981075"/>
              <a:gd name="connsiteX8" fmla="*/ 1957387 w 1957387"/>
              <a:gd name="connsiteY8" fmla="*/ 295275 h 981075"/>
              <a:gd name="connsiteX9" fmla="*/ 1862137 w 1957387"/>
              <a:gd name="connsiteY9" fmla="*/ 266700 h 981075"/>
              <a:gd name="connsiteX10" fmla="*/ 1504950 w 1957387"/>
              <a:gd name="connsiteY10" fmla="*/ 590550 h 981075"/>
              <a:gd name="connsiteX11" fmla="*/ 1185862 w 1957387"/>
              <a:gd name="connsiteY11" fmla="*/ 838200 h 981075"/>
              <a:gd name="connsiteX12" fmla="*/ 838200 w 1957387"/>
              <a:gd name="connsiteY12" fmla="*/ 933450 h 981075"/>
              <a:gd name="connsiteX13" fmla="*/ 300037 w 1957387"/>
              <a:gd name="connsiteY13" fmla="*/ 981075 h 981075"/>
              <a:gd name="connsiteX14" fmla="*/ 0 w 1957387"/>
              <a:gd name="connsiteY14" fmla="*/ 952500 h 981075"/>
              <a:gd name="connsiteX0" fmla="*/ 0 w 1957387"/>
              <a:gd name="connsiteY0" fmla="*/ 952500 h 981075"/>
              <a:gd name="connsiteX1" fmla="*/ 257175 w 1957387"/>
              <a:gd name="connsiteY1" fmla="*/ 900112 h 981075"/>
              <a:gd name="connsiteX2" fmla="*/ 800100 w 1957387"/>
              <a:gd name="connsiteY2" fmla="*/ 842962 h 981075"/>
              <a:gd name="connsiteX3" fmla="*/ 1090612 w 1957387"/>
              <a:gd name="connsiteY3" fmla="*/ 747712 h 981075"/>
              <a:gd name="connsiteX4" fmla="*/ 1390650 w 1957387"/>
              <a:gd name="connsiteY4" fmla="*/ 504825 h 981075"/>
              <a:gd name="connsiteX5" fmla="*/ 1704975 w 1957387"/>
              <a:gd name="connsiteY5" fmla="*/ 200025 h 981075"/>
              <a:gd name="connsiteX6" fmla="*/ 1619250 w 1957387"/>
              <a:gd name="connsiteY6" fmla="*/ 161925 h 981075"/>
              <a:gd name="connsiteX7" fmla="*/ 1952625 w 1957387"/>
              <a:gd name="connsiteY7" fmla="*/ 0 h 981075"/>
              <a:gd name="connsiteX8" fmla="*/ 1957387 w 1957387"/>
              <a:gd name="connsiteY8" fmla="*/ 295275 h 981075"/>
              <a:gd name="connsiteX9" fmla="*/ 1862137 w 1957387"/>
              <a:gd name="connsiteY9" fmla="*/ 266700 h 981075"/>
              <a:gd name="connsiteX10" fmla="*/ 1504950 w 1957387"/>
              <a:gd name="connsiteY10" fmla="*/ 590550 h 981075"/>
              <a:gd name="connsiteX11" fmla="*/ 1185862 w 1957387"/>
              <a:gd name="connsiteY11" fmla="*/ 838200 h 981075"/>
              <a:gd name="connsiteX12" fmla="*/ 838200 w 1957387"/>
              <a:gd name="connsiteY12" fmla="*/ 933450 h 981075"/>
              <a:gd name="connsiteX13" fmla="*/ 300037 w 1957387"/>
              <a:gd name="connsiteY13" fmla="*/ 981075 h 981075"/>
              <a:gd name="connsiteX14" fmla="*/ 0 w 1957387"/>
              <a:gd name="connsiteY14" fmla="*/ 952500 h 981075"/>
              <a:gd name="connsiteX0" fmla="*/ 0 w 2043112"/>
              <a:gd name="connsiteY0" fmla="*/ 981075 h 981075"/>
              <a:gd name="connsiteX1" fmla="*/ 342900 w 2043112"/>
              <a:gd name="connsiteY1" fmla="*/ 900112 h 981075"/>
              <a:gd name="connsiteX2" fmla="*/ 885825 w 2043112"/>
              <a:gd name="connsiteY2" fmla="*/ 842962 h 981075"/>
              <a:gd name="connsiteX3" fmla="*/ 1176337 w 2043112"/>
              <a:gd name="connsiteY3" fmla="*/ 747712 h 981075"/>
              <a:gd name="connsiteX4" fmla="*/ 1476375 w 2043112"/>
              <a:gd name="connsiteY4" fmla="*/ 504825 h 981075"/>
              <a:gd name="connsiteX5" fmla="*/ 1790700 w 2043112"/>
              <a:gd name="connsiteY5" fmla="*/ 200025 h 981075"/>
              <a:gd name="connsiteX6" fmla="*/ 1704975 w 2043112"/>
              <a:gd name="connsiteY6" fmla="*/ 161925 h 981075"/>
              <a:gd name="connsiteX7" fmla="*/ 2038350 w 2043112"/>
              <a:gd name="connsiteY7" fmla="*/ 0 h 981075"/>
              <a:gd name="connsiteX8" fmla="*/ 2043112 w 2043112"/>
              <a:gd name="connsiteY8" fmla="*/ 295275 h 981075"/>
              <a:gd name="connsiteX9" fmla="*/ 1947862 w 2043112"/>
              <a:gd name="connsiteY9" fmla="*/ 266700 h 981075"/>
              <a:gd name="connsiteX10" fmla="*/ 1590675 w 2043112"/>
              <a:gd name="connsiteY10" fmla="*/ 590550 h 981075"/>
              <a:gd name="connsiteX11" fmla="*/ 1271587 w 2043112"/>
              <a:gd name="connsiteY11" fmla="*/ 838200 h 981075"/>
              <a:gd name="connsiteX12" fmla="*/ 923925 w 2043112"/>
              <a:gd name="connsiteY12" fmla="*/ 933450 h 981075"/>
              <a:gd name="connsiteX13" fmla="*/ 385762 w 2043112"/>
              <a:gd name="connsiteY13" fmla="*/ 981075 h 981075"/>
              <a:gd name="connsiteX14" fmla="*/ 0 w 2043112"/>
              <a:gd name="connsiteY14" fmla="*/ 981075 h 981075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271587 w 2043112"/>
              <a:gd name="connsiteY11" fmla="*/ 838200 h 985838"/>
              <a:gd name="connsiteX12" fmla="*/ 923925 w 2043112"/>
              <a:gd name="connsiteY12" fmla="*/ 9334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271587 w 2043112"/>
              <a:gd name="connsiteY11" fmla="*/ 838200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781050 w 2043112"/>
              <a:gd name="connsiteY2" fmla="*/ 890587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19187 w 2043112"/>
              <a:gd name="connsiteY3" fmla="*/ 790574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19187 w 2043112"/>
              <a:gd name="connsiteY3" fmla="*/ 790574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52575 w 2043112"/>
              <a:gd name="connsiteY10" fmla="*/ 642937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14524 w 2043112"/>
              <a:gd name="connsiteY9" fmla="*/ 352425 h 985838"/>
              <a:gd name="connsiteX10" fmla="*/ 1552575 w 2043112"/>
              <a:gd name="connsiteY10" fmla="*/ 642937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0700 w 2038390"/>
              <a:gd name="connsiteY5" fmla="*/ 200025 h 985838"/>
              <a:gd name="connsiteX6" fmla="*/ 1704975 w 2038390"/>
              <a:gd name="connsiteY6" fmla="*/ 161925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5462 w 2038390"/>
              <a:gd name="connsiteY5" fmla="*/ 257175 h 985838"/>
              <a:gd name="connsiteX6" fmla="*/ 1704975 w 2038390"/>
              <a:gd name="connsiteY6" fmla="*/ 161925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5462 w 2038390"/>
              <a:gd name="connsiteY5" fmla="*/ 257175 h 985838"/>
              <a:gd name="connsiteX6" fmla="*/ 1728787 w 2038390"/>
              <a:gd name="connsiteY6" fmla="*/ 190500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1995487"/>
              <a:gd name="connsiteY0" fmla="*/ 823913 h 828676"/>
              <a:gd name="connsiteX1" fmla="*/ 361950 w 1995487"/>
              <a:gd name="connsiteY1" fmla="*/ 785813 h 828676"/>
              <a:gd name="connsiteX2" fmla="*/ 781050 w 1995487"/>
              <a:gd name="connsiteY2" fmla="*/ 733425 h 828676"/>
              <a:gd name="connsiteX3" fmla="*/ 1123950 w 1995487"/>
              <a:gd name="connsiteY3" fmla="*/ 657225 h 828676"/>
              <a:gd name="connsiteX4" fmla="*/ 1543050 w 1995487"/>
              <a:gd name="connsiteY4" fmla="*/ 309563 h 828676"/>
              <a:gd name="connsiteX5" fmla="*/ 1795462 w 1995487"/>
              <a:gd name="connsiteY5" fmla="*/ 100013 h 828676"/>
              <a:gd name="connsiteX6" fmla="*/ 1728787 w 1995487"/>
              <a:gd name="connsiteY6" fmla="*/ 33338 h 828676"/>
              <a:gd name="connsiteX7" fmla="*/ 1985963 w 1995487"/>
              <a:gd name="connsiteY7" fmla="*/ 0 h 828676"/>
              <a:gd name="connsiteX8" fmla="*/ 1995487 w 1995487"/>
              <a:gd name="connsiteY8" fmla="*/ 261938 h 828676"/>
              <a:gd name="connsiteX9" fmla="*/ 1914524 w 1995487"/>
              <a:gd name="connsiteY9" fmla="*/ 195263 h 828676"/>
              <a:gd name="connsiteX10" fmla="*/ 1552575 w 1995487"/>
              <a:gd name="connsiteY10" fmla="*/ 485775 h 828676"/>
              <a:gd name="connsiteX11" fmla="*/ 1109662 w 1995487"/>
              <a:gd name="connsiteY11" fmla="*/ 785813 h 828676"/>
              <a:gd name="connsiteX12" fmla="*/ 785813 w 1995487"/>
              <a:gd name="connsiteY12" fmla="*/ 814388 h 828676"/>
              <a:gd name="connsiteX13" fmla="*/ 352425 w 1995487"/>
              <a:gd name="connsiteY13" fmla="*/ 828676 h 828676"/>
              <a:gd name="connsiteX14" fmla="*/ 0 w 1995487"/>
              <a:gd name="connsiteY14" fmla="*/ 823913 h 8286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3050 w 2014619"/>
              <a:gd name="connsiteY4" fmla="*/ 347663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2387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2387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59569 w 2014619"/>
              <a:gd name="connsiteY1" fmla="*/ 831057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59569 w 2014619"/>
              <a:gd name="connsiteY1" fmla="*/ 831057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785813 w 2014619"/>
              <a:gd name="connsiteY11" fmla="*/ 852488 h 866776"/>
              <a:gd name="connsiteX12" fmla="*/ 352425 w 2014619"/>
              <a:gd name="connsiteY12" fmla="*/ 866776 h 866776"/>
              <a:gd name="connsiteX13" fmla="*/ 0 w 2014619"/>
              <a:gd name="connsiteY13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785813 w 2014619"/>
              <a:gd name="connsiteY11" fmla="*/ 852488 h 866776"/>
              <a:gd name="connsiteX12" fmla="*/ 352425 w 2014619"/>
              <a:gd name="connsiteY12" fmla="*/ 866776 h 866776"/>
              <a:gd name="connsiteX13" fmla="*/ 0 w 2014619"/>
              <a:gd name="connsiteY13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352425 w 2014619"/>
              <a:gd name="connsiteY11" fmla="*/ 866776 h 866776"/>
              <a:gd name="connsiteX12" fmla="*/ 0 w 2014619"/>
              <a:gd name="connsiteY12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352425 w 2014619"/>
              <a:gd name="connsiteY11" fmla="*/ 866776 h 866776"/>
              <a:gd name="connsiteX12" fmla="*/ 0 w 2014619"/>
              <a:gd name="connsiteY12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93058 w 2014619"/>
              <a:gd name="connsiteY2" fmla="*/ 397669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93058 w 2014619"/>
              <a:gd name="connsiteY2" fmla="*/ 397669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571625 w 2014619"/>
              <a:gd name="connsiteY8" fmla="*/ 588169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21668 w 2014619"/>
              <a:gd name="connsiteY7" fmla="*/ 254794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90512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578"/>
              <a:gd name="connsiteY0" fmla="*/ 862013 h 866776"/>
              <a:gd name="connsiteX1" fmla="*/ 773906 w 2014578"/>
              <a:gd name="connsiteY1" fmla="*/ 788194 h 866776"/>
              <a:gd name="connsiteX2" fmla="*/ 1564483 w 2014578"/>
              <a:gd name="connsiteY2" fmla="*/ 423863 h 866776"/>
              <a:gd name="connsiteX3" fmla="*/ 1795462 w 2014578"/>
              <a:gd name="connsiteY3" fmla="*/ 138113 h 866776"/>
              <a:gd name="connsiteX4" fmla="*/ 1728787 w 2014578"/>
              <a:gd name="connsiteY4" fmla="*/ 71438 h 866776"/>
              <a:gd name="connsiteX5" fmla="*/ 2014538 w 2014578"/>
              <a:gd name="connsiteY5" fmla="*/ 0 h 866776"/>
              <a:gd name="connsiteX6" fmla="*/ 1971675 w 2014578"/>
              <a:gd name="connsiteY6" fmla="*/ 342900 h 866776"/>
              <a:gd name="connsiteX7" fmla="*/ 1914524 w 2014578"/>
              <a:gd name="connsiteY7" fmla="*/ 290512 h 866776"/>
              <a:gd name="connsiteX8" fmla="*/ 1571625 w 2014578"/>
              <a:gd name="connsiteY8" fmla="*/ 588169 h 866776"/>
              <a:gd name="connsiteX9" fmla="*/ 1142999 w 2014578"/>
              <a:gd name="connsiteY9" fmla="*/ 814388 h 866776"/>
              <a:gd name="connsiteX10" fmla="*/ 352425 w 2014578"/>
              <a:gd name="connsiteY10" fmla="*/ 866776 h 866776"/>
              <a:gd name="connsiteX11" fmla="*/ 0 w 2014578"/>
              <a:gd name="connsiteY11" fmla="*/ 862013 h 866776"/>
              <a:gd name="connsiteX0" fmla="*/ 0 w 2014651"/>
              <a:gd name="connsiteY0" fmla="*/ 862013 h 866776"/>
              <a:gd name="connsiteX1" fmla="*/ 773906 w 2014651"/>
              <a:gd name="connsiteY1" fmla="*/ 788194 h 866776"/>
              <a:gd name="connsiteX2" fmla="*/ 1564483 w 2014651"/>
              <a:gd name="connsiteY2" fmla="*/ 423863 h 866776"/>
              <a:gd name="connsiteX3" fmla="*/ 1795462 w 2014651"/>
              <a:gd name="connsiteY3" fmla="*/ 138113 h 866776"/>
              <a:gd name="connsiteX4" fmla="*/ 1728787 w 2014651"/>
              <a:gd name="connsiteY4" fmla="*/ 71438 h 866776"/>
              <a:gd name="connsiteX5" fmla="*/ 2014538 w 2014651"/>
              <a:gd name="connsiteY5" fmla="*/ 0 h 866776"/>
              <a:gd name="connsiteX6" fmla="*/ 1971675 w 2014651"/>
              <a:gd name="connsiteY6" fmla="*/ 342900 h 866776"/>
              <a:gd name="connsiteX7" fmla="*/ 1914524 w 2014651"/>
              <a:gd name="connsiteY7" fmla="*/ 290512 h 866776"/>
              <a:gd name="connsiteX8" fmla="*/ 1571625 w 2014651"/>
              <a:gd name="connsiteY8" fmla="*/ 588169 h 866776"/>
              <a:gd name="connsiteX9" fmla="*/ 1142999 w 2014651"/>
              <a:gd name="connsiteY9" fmla="*/ 814388 h 866776"/>
              <a:gd name="connsiteX10" fmla="*/ 352425 w 2014651"/>
              <a:gd name="connsiteY10" fmla="*/ 866776 h 866776"/>
              <a:gd name="connsiteX11" fmla="*/ 0 w 2014651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42999 w 2014538"/>
              <a:gd name="connsiteY9" fmla="*/ 814388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19187 w 2014538"/>
              <a:gd name="connsiteY9" fmla="*/ 821532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19187 w 2014538"/>
              <a:gd name="connsiteY9" fmla="*/ 821532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2014538" h="866776">
                <a:moveTo>
                  <a:pt x="0" y="862013"/>
                </a:moveTo>
                <a:cubicBezTo>
                  <a:pt x="70247" y="848916"/>
                  <a:pt x="485378" y="850900"/>
                  <a:pt x="773906" y="788194"/>
                </a:cubicBezTo>
                <a:cubicBezTo>
                  <a:pt x="1137047" y="686990"/>
                  <a:pt x="1222773" y="675085"/>
                  <a:pt x="1564483" y="423863"/>
                </a:cubicBezTo>
                <a:cubicBezTo>
                  <a:pt x="1739107" y="264319"/>
                  <a:pt x="1787525" y="185738"/>
                  <a:pt x="1795462" y="138113"/>
                </a:cubicBezTo>
                <a:lnTo>
                  <a:pt x="1728787" y="71438"/>
                </a:lnTo>
                <a:lnTo>
                  <a:pt x="2014538" y="0"/>
                </a:lnTo>
                <a:cubicBezTo>
                  <a:pt x="1999456" y="138906"/>
                  <a:pt x="2001044" y="92075"/>
                  <a:pt x="1971675" y="342900"/>
                </a:cubicBezTo>
                <a:lnTo>
                  <a:pt x="1914524" y="290512"/>
                </a:lnTo>
                <a:cubicBezTo>
                  <a:pt x="1812924" y="398462"/>
                  <a:pt x="1673225" y="501651"/>
                  <a:pt x="1571625" y="588169"/>
                </a:cubicBezTo>
                <a:cubicBezTo>
                  <a:pt x="1426368" y="705644"/>
                  <a:pt x="1300163" y="763588"/>
                  <a:pt x="1119187" y="821532"/>
                </a:cubicBezTo>
                <a:cubicBezTo>
                  <a:pt x="909637" y="873126"/>
                  <a:pt x="537369" y="860426"/>
                  <a:pt x="352425" y="866776"/>
                </a:cubicBezTo>
                <a:lnTo>
                  <a:pt x="0" y="862013"/>
                </a:lnTo>
                <a:close/>
              </a:path>
            </a:pathLst>
          </a:custGeom>
          <a:solidFill>
            <a:srgbClr val="FF3300">
              <a:alpha val="5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cxnSp>
        <p:nvCxnSpPr>
          <p:cNvPr id="175" name="直線コネクタ 174"/>
          <p:cNvCxnSpPr/>
          <p:nvPr/>
        </p:nvCxnSpPr>
        <p:spPr bwMode="auto">
          <a:xfrm>
            <a:off x="10318853" y="6513833"/>
            <a:ext cx="1248147" cy="0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cxnSp>
        <p:nvCxnSpPr>
          <p:cNvPr id="177" name="直線コネクタ 176"/>
          <p:cNvCxnSpPr/>
          <p:nvPr/>
        </p:nvCxnSpPr>
        <p:spPr bwMode="auto">
          <a:xfrm>
            <a:off x="10310896" y="5510788"/>
            <a:ext cx="1256104" cy="644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sp>
        <p:nvSpPr>
          <p:cNvPr id="180" name="円形吹き出し 179"/>
          <p:cNvSpPr/>
          <p:nvPr/>
        </p:nvSpPr>
        <p:spPr bwMode="auto">
          <a:xfrm>
            <a:off x="10117568" y="5113807"/>
            <a:ext cx="1280663" cy="326522"/>
          </a:xfrm>
          <a:prstGeom prst="wedgeEllipseCallout">
            <a:avLst>
              <a:gd name="adj1" fmla="val 37779"/>
              <a:gd name="adj2" fmla="val 130556"/>
            </a:avLst>
          </a:prstGeom>
          <a:solidFill>
            <a:srgbClr val="FFFFFF"/>
          </a:solidFill>
          <a:ln w="952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36000" tIns="45720" rIns="3600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ja-JP" sz="105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3</a:t>
            </a:r>
            <a:r>
              <a:rPr kumimoji="1" lang="ja-JP" altLang="en-US" sz="1050" i="0" u="none" strike="noStrike" cap="none" normalizeH="0" baseline="0" dirty="0" smtClean="0">
                <a:ln>
                  <a:noFill/>
                </a:ln>
                <a:effectLst/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年間で</a:t>
            </a:r>
            <a:r>
              <a:rPr lang="en-US" altLang="ja-JP" sz="1050" b="1" dirty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2</a:t>
            </a:r>
            <a:r>
              <a:rPr kumimoji="1" lang="en-US" altLang="ja-JP" sz="1050" b="1" i="0" u="none" strike="noStrike" cap="none" normalizeH="0" baseline="0" dirty="0" smtClean="0">
                <a:ln>
                  <a:noFill/>
                </a:ln>
                <a:solidFill>
                  <a:srgbClr val="FF0000"/>
                </a:solidFill>
                <a:effectLst/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.5</a:t>
            </a:r>
            <a:r>
              <a:rPr lang="ja-JP" altLang="en-US" sz="1050" b="1" dirty="0" smtClean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倍増加</a:t>
            </a:r>
            <a:endParaRPr kumimoji="1" lang="ja-JP" altLang="en-US" sz="1050" b="1" i="0" u="none" strike="noStrike" cap="none" normalizeH="0" baseline="0" dirty="0" smtClean="0">
              <a:ln>
                <a:noFill/>
              </a:ln>
              <a:solidFill>
                <a:srgbClr val="FF0000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cxnSp>
        <p:nvCxnSpPr>
          <p:cNvPr id="174" name="直線コネクタ 173"/>
          <p:cNvCxnSpPr/>
          <p:nvPr/>
        </p:nvCxnSpPr>
        <p:spPr bwMode="auto">
          <a:xfrm>
            <a:off x="11299864" y="5492261"/>
            <a:ext cx="3060" cy="1021572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03" name="テキスト ボックス 229"/>
          <p:cNvSpPr txBox="1">
            <a:spLocks noChangeArrowheads="1"/>
          </p:cNvSpPr>
          <p:nvPr/>
        </p:nvSpPr>
        <p:spPr bwMode="auto">
          <a:xfrm>
            <a:off x="9683030" y="5072036"/>
            <a:ext cx="584473" cy="123111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8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</a:t>
            </a:r>
            <a:r>
              <a:rPr lang="ja-JP" altLang="en-US" sz="8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億円</a:t>
            </a:r>
            <a:r>
              <a:rPr lang="ja-JP" altLang="en-US" sz="8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）</a:t>
            </a:r>
            <a:endParaRPr lang="en-US" altLang="ja-JP" sz="8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163" name="テキスト ボックス 5"/>
          <p:cNvSpPr txBox="1"/>
          <p:nvPr/>
        </p:nvSpPr>
        <p:spPr>
          <a:xfrm>
            <a:off x="9851201" y="6933938"/>
            <a:ext cx="1746250" cy="107722"/>
          </a:xfrm>
          <a:prstGeom prst="rect">
            <a:avLst/>
          </a:prstGeom>
          <a:noFill/>
          <a:ln w="9525" cmpd="sng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wrap="square" lIns="0" tIns="0" rIns="0" bIns="0" rtlCol="0" anchor="t">
            <a:spAutoFit/>
          </a:bodyPr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ja-JP" altLang="en-US" sz="7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出典</a:t>
            </a:r>
            <a:r>
              <a:rPr kumimoji="1" lang="ja-JP" altLang="en-US" sz="7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：三菱</a:t>
            </a:r>
            <a:r>
              <a:rPr kumimoji="1" lang="en-US" altLang="ja-JP" sz="7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UFJ</a:t>
            </a:r>
            <a:r>
              <a:rPr kumimoji="1" lang="ja-JP" altLang="en-US" sz="7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リサーチ＆コンサルティング</a:t>
            </a:r>
            <a:endParaRPr kumimoji="1" lang="ja-JP" altLang="en-US" sz="70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99" name="正方形/長方形 261"/>
          <p:cNvSpPr>
            <a:spLocks noChangeArrowheads="1"/>
          </p:cNvSpPr>
          <p:nvPr/>
        </p:nvSpPr>
        <p:spPr bwMode="auto">
          <a:xfrm>
            <a:off x="78612" y="681038"/>
            <a:ext cx="12685737" cy="8817124"/>
          </a:xfrm>
          <a:prstGeom prst="rect">
            <a:avLst/>
          </a:prstGeom>
          <a:noFill/>
          <a:ln w="19050" algn="ctr">
            <a:solidFill>
              <a:srgbClr val="0066FF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28016" tIns="64008" rIns="128016" bIns="64008"/>
          <a:lstStyle>
            <a:lvl1pPr defTabSz="1279525"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defTabSz="1279525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defTabSz="1279525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defTabSz="1279525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defTabSz="1279525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defTabSz="1279525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defTabSz="1279525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defTabSz="1279525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defTabSz="1279525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buFontTx/>
              <a:buNone/>
            </a:pPr>
            <a:endParaRPr lang="ja-JP" altLang="en-US" sz="5600"/>
          </a:p>
        </p:txBody>
      </p:sp>
      <p:sp>
        <p:nvSpPr>
          <p:cNvPr id="193" name="正方形/長方形 192"/>
          <p:cNvSpPr/>
          <p:nvPr/>
        </p:nvSpPr>
        <p:spPr>
          <a:xfrm>
            <a:off x="4482569" y="3376003"/>
            <a:ext cx="2108269" cy="369332"/>
          </a:xfrm>
          <a:prstGeom prst="rect">
            <a:avLst/>
          </a:prstGeom>
          <a:solidFill>
            <a:srgbClr val="FF0000"/>
          </a:solidFill>
        </p:spPr>
        <p:txBody>
          <a:bodyPr wrap="none">
            <a:spAutoFit/>
          </a:bodyPr>
          <a:lstStyle/>
          <a:p>
            <a:pPr algn="ctr"/>
            <a:r>
              <a:rPr lang="ja-JP" altLang="en-US" sz="1800" dirty="0" smtClean="0">
                <a:ln w="9525">
                  <a:noFill/>
                </a:ln>
                <a:solidFill>
                  <a:srgbClr val="FFFFFF"/>
                </a:solidFill>
                <a:latin typeface="HGS創英角ｺﾞｼｯｸUB" panose="020B0900000000000000" pitchFamily="50" charset="-128"/>
                <a:ea typeface="HGS創英角ｺﾞｼｯｸUB" panose="020B0900000000000000" pitchFamily="50" charset="-128"/>
                <a:cs typeface="Meiryo UI" panose="020B0604030504040204" pitchFamily="50" charset="-128"/>
              </a:rPr>
              <a:t>淀川</a:t>
            </a:r>
            <a:r>
              <a:rPr lang="ja-JP" altLang="en-US" sz="1800" dirty="0">
                <a:ln w="9525">
                  <a:noFill/>
                </a:ln>
                <a:solidFill>
                  <a:srgbClr val="FFFFFF"/>
                </a:solidFill>
                <a:latin typeface="HGS創英角ｺﾞｼｯｸUB" panose="020B0900000000000000" pitchFamily="50" charset="-128"/>
                <a:ea typeface="HGS創英角ｺﾞｼｯｸUB" panose="020B0900000000000000" pitchFamily="50" charset="-128"/>
                <a:cs typeface="Meiryo UI" panose="020B0604030504040204" pitchFamily="50" charset="-128"/>
              </a:rPr>
              <a:t>左岸線</a:t>
            </a:r>
            <a:r>
              <a:rPr lang="ja-JP" altLang="en-US" sz="1800" dirty="0" smtClean="0">
                <a:ln w="9525">
                  <a:noFill/>
                </a:ln>
                <a:solidFill>
                  <a:srgbClr val="FFFFFF"/>
                </a:solidFill>
                <a:latin typeface="HGS創英角ｺﾞｼｯｸUB" panose="020B0900000000000000" pitchFamily="50" charset="-128"/>
                <a:ea typeface="HGS創英角ｺﾞｼｯｸUB" panose="020B0900000000000000" pitchFamily="50" charset="-128"/>
                <a:cs typeface="Meiryo UI" panose="020B0604030504040204" pitchFamily="50" charset="-128"/>
              </a:rPr>
              <a:t>延伸部</a:t>
            </a:r>
            <a:endParaRPr lang="ja-JP" altLang="en-US" sz="1800" dirty="0">
              <a:ln w="9525">
                <a:noFill/>
              </a:ln>
              <a:solidFill>
                <a:srgbClr val="FFFFFF"/>
              </a:solidFill>
            </a:endParaRPr>
          </a:p>
        </p:txBody>
      </p:sp>
      <p:sp>
        <p:nvSpPr>
          <p:cNvPr id="228" name="フリーフォーム 227"/>
          <p:cNvSpPr/>
          <p:nvPr/>
        </p:nvSpPr>
        <p:spPr bwMode="auto">
          <a:xfrm>
            <a:off x="5522976" y="3712464"/>
            <a:ext cx="694944" cy="877824"/>
          </a:xfrm>
          <a:custGeom>
            <a:avLst/>
            <a:gdLst>
              <a:gd name="connsiteX0" fmla="*/ 164592 w 694944"/>
              <a:gd name="connsiteY0" fmla="*/ 0 h 877824"/>
              <a:gd name="connsiteX1" fmla="*/ 694944 w 694944"/>
              <a:gd name="connsiteY1" fmla="*/ 877824 h 877824"/>
              <a:gd name="connsiteX2" fmla="*/ 0 w 694944"/>
              <a:gd name="connsiteY2" fmla="*/ 18288 h 877824"/>
              <a:gd name="connsiteX3" fmla="*/ 164592 w 694944"/>
              <a:gd name="connsiteY3" fmla="*/ 0 h 87782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694944" h="877824">
                <a:moveTo>
                  <a:pt x="164592" y="0"/>
                </a:moveTo>
                <a:lnTo>
                  <a:pt x="694944" y="877824"/>
                </a:lnTo>
                <a:lnTo>
                  <a:pt x="0" y="18288"/>
                </a:lnTo>
                <a:lnTo>
                  <a:pt x="164592" y="0"/>
                </a:lnTo>
                <a:close/>
              </a:path>
            </a:pathLst>
          </a:custGeom>
          <a:solidFill>
            <a:srgbClr val="FF000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5" name="タイトル 1"/>
          <p:cNvSpPr txBox="1">
            <a:spLocks/>
          </p:cNvSpPr>
          <p:nvPr/>
        </p:nvSpPr>
        <p:spPr>
          <a:xfrm>
            <a:off x="0" y="20066"/>
            <a:ext cx="12801600" cy="533227"/>
          </a:xfrm>
          <a:prstGeom prst="rect">
            <a:avLst/>
          </a:prstGeom>
          <a:gradFill>
            <a:gsLst>
              <a:gs pos="99167">
                <a:srgbClr val="F8F8F8"/>
              </a:gs>
              <a:gs pos="0">
                <a:srgbClr val="00B0F0"/>
              </a:gs>
              <a:gs pos="50000">
                <a:srgbClr val="99CCFF"/>
              </a:gs>
              <a:gs pos="90000">
                <a:srgbClr val="F8F8F8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30192" tIns="144000" rIns="130192" bIns="65096" rtlCol="0" anchor="ctr"/>
          <a:lstStyle>
            <a:defPPr>
              <a:defRPr lang="ja-JP"/>
            </a:defPPr>
            <a:lvl1pPr>
              <a:defRPr b="1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defRPr>
            </a:lvl1pPr>
            <a:lvl2pPr>
              <a:defRPr>
                <a:solidFill>
                  <a:schemeClr val="lt1"/>
                </a:solidFill>
              </a:defRPr>
            </a:lvl2pPr>
            <a:lvl3pPr>
              <a:defRPr>
                <a:solidFill>
                  <a:schemeClr val="lt1"/>
                </a:solidFill>
              </a:defRPr>
            </a:lvl3pPr>
            <a:lvl4pPr>
              <a:defRPr>
                <a:solidFill>
                  <a:schemeClr val="lt1"/>
                </a:solidFill>
              </a:defRPr>
            </a:lvl4pPr>
            <a:lvl5pPr>
              <a:defRPr>
                <a:solidFill>
                  <a:schemeClr val="lt1"/>
                </a:solidFill>
              </a:defRPr>
            </a:lvl5pPr>
            <a:lvl6pPr>
              <a:defRPr>
                <a:solidFill>
                  <a:schemeClr val="lt1"/>
                </a:solidFill>
              </a:defRPr>
            </a:lvl6pPr>
            <a:lvl7pPr>
              <a:defRPr>
                <a:solidFill>
                  <a:schemeClr val="lt1"/>
                </a:solidFill>
              </a:defRPr>
            </a:lvl7pPr>
            <a:lvl8pPr>
              <a:defRPr>
                <a:solidFill>
                  <a:schemeClr val="lt1"/>
                </a:solidFill>
              </a:defRPr>
            </a:lvl8pPr>
            <a:lvl9pPr>
              <a:defRPr>
                <a:solidFill>
                  <a:schemeClr val="lt1"/>
                </a:solidFill>
              </a:defRPr>
            </a:lvl9pPr>
          </a:lstStyle>
          <a:p>
            <a:pPr>
              <a:lnSpc>
                <a:spcPts val="3000"/>
              </a:lnSpc>
              <a:spcBef>
                <a:spcPct val="20000"/>
              </a:spcBef>
              <a:tabLst>
                <a:tab pos="7802563" algn="l"/>
              </a:tabLst>
            </a:pPr>
            <a:r>
              <a:rPr lang="ja-JP" altLang="en-US" sz="2800" dirty="0" smtClean="0">
                <a:solidFill>
                  <a:srgbClr val="000099"/>
                </a:solidFill>
              </a:rPr>
              <a:t> 広域的</a:t>
            </a:r>
            <a:r>
              <a:rPr lang="ja-JP" altLang="en-US" sz="2800" dirty="0">
                <a:solidFill>
                  <a:srgbClr val="000099"/>
                </a:solidFill>
              </a:rPr>
              <a:t>な観光拠点間の時間短縮、定時性確保による観光需要を拡大</a:t>
            </a:r>
          </a:p>
        </p:txBody>
      </p:sp>
      <p:cxnSp>
        <p:nvCxnSpPr>
          <p:cNvPr id="221" name="直線コネクタ 220"/>
          <p:cNvCxnSpPr/>
          <p:nvPr/>
        </p:nvCxnSpPr>
        <p:spPr>
          <a:xfrm>
            <a:off x="5446" y="596275"/>
            <a:ext cx="12796206" cy="0"/>
          </a:xfrm>
          <a:prstGeom prst="line">
            <a:avLst/>
          </a:prstGeom>
          <a:ln w="101600" cmpd="thickThin">
            <a:solidFill>
              <a:srgbClr val="0000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9" name="正方形/長方形 228"/>
          <p:cNvSpPr/>
          <p:nvPr/>
        </p:nvSpPr>
        <p:spPr>
          <a:xfrm>
            <a:off x="11014673" y="32620"/>
            <a:ext cx="1791771" cy="540000"/>
          </a:xfrm>
          <a:prstGeom prst="rect">
            <a:avLst/>
          </a:prstGeom>
          <a:solidFill>
            <a:srgbClr val="0000FF"/>
          </a:solidFill>
          <a:ln>
            <a:noFill/>
          </a:ln>
        </p:spPr>
        <p:txBody>
          <a:bodyPr wrap="square" lIns="0" tIns="0" rIns="0" bIns="0" anchor="ctr">
            <a:spAutoFit/>
          </a:bodyPr>
          <a:lstStyle/>
          <a:p>
            <a:pPr algn="ctr">
              <a:lnSpc>
                <a:spcPct val="150000"/>
              </a:lnSpc>
            </a:pPr>
            <a:r>
              <a:rPr lang="ja-JP" altLang="en-US" sz="2400" dirty="0" smtClean="0">
                <a:solidFill>
                  <a:srgbClr val="FFFFFF"/>
                </a:solidFill>
                <a:latin typeface="Meiryo UI" pitchFamily="50" charset="-128"/>
                <a:ea typeface="Meiryo UI" pitchFamily="50" charset="-128"/>
                <a:cs typeface="Meiryo UI" pitchFamily="50" charset="-128"/>
              </a:rPr>
              <a:t>参考資料</a:t>
            </a:r>
            <a:r>
              <a:rPr lang="en-US" altLang="ja-JP" sz="2400" dirty="0" smtClean="0">
                <a:solidFill>
                  <a:srgbClr val="FFFFFF"/>
                </a:solidFill>
                <a:latin typeface="Meiryo UI" pitchFamily="50" charset="-128"/>
                <a:ea typeface="Meiryo UI" pitchFamily="50" charset="-128"/>
                <a:cs typeface="Meiryo UI" pitchFamily="50" charset="-128"/>
              </a:rPr>
              <a:t>3</a:t>
            </a:r>
          </a:p>
        </p:txBody>
      </p:sp>
      <p:sp>
        <p:nvSpPr>
          <p:cNvPr id="170" name="正方形/長方形 169"/>
          <p:cNvSpPr/>
          <p:nvPr/>
        </p:nvSpPr>
        <p:spPr>
          <a:xfrm>
            <a:off x="142927" y="6223189"/>
            <a:ext cx="2663755" cy="3195469"/>
          </a:xfrm>
          <a:prstGeom prst="rect">
            <a:avLst/>
          </a:prstGeom>
          <a:solidFill>
            <a:srgbClr val="FFFFFF"/>
          </a:solidFill>
          <a:ln>
            <a:solidFill>
              <a:srgbClr val="0000FF"/>
            </a:solidFill>
          </a:ln>
        </p:spPr>
        <p:txBody>
          <a:bodyPr wrap="square" lIns="0" tIns="64008" rIns="0" bIns="64008">
            <a:spAutoFit/>
          </a:bodyPr>
          <a:lstStyle/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 smtClean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en-US" altLang="ja-JP" b="1" dirty="0">
              <a:solidFill>
                <a:srgbClr val="00B0F0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13" name="正方形/長方形 212"/>
          <p:cNvSpPr/>
          <p:nvPr/>
        </p:nvSpPr>
        <p:spPr>
          <a:xfrm>
            <a:off x="137582" y="6069267"/>
            <a:ext cx="2669100" cy="298543"/>
          </a:xfrm>
          <a:prstGeom prst="rect">
            <a:avLst/>
          </a:prstGeom>
          <a:solidFill>
            <a:srgbClr val="0000FF"/>
          </a:solidFill>
          <a:ln>
            <a:solidFill>
              <a:srgbClr val="0000FF"/>
            </a:solidFill>
          </a:ln>
        </p:spPr>
        <p:txBody>
          <a:bodyPr wrap="square" lIns="0" tIns="64008" rIns="0" bIns="64008">
            <a:spAutoFit/>
          </a:bodyPr>
          <a:lstStyle/>
          <a:p>
            <a:pPr algn="ctr"/>
            <a:r>
              <a:rPr lang="ja-JP" altLang="en-US" sz="1100" b="1" dirty="0" smtClean="0">
                <a:solidFill>
                  <a:srgbClr val="FFFFFF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外国人訪問者数の推移</a:t>
            </a:r>
            <a:endParaRPr lang="ja-JP" altLang="en-US" sz="1100" b="1" dirty="0">
              <a:solidFill>
                <a:srgbClr val="FFFFFF"/>
              </a:solidFill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pic>
        <p:nvPicPr>
          <p:cNvPr id="217" name="Picture 5"/>
          <p:cNvPicPr>
            <a:picLocks noChangeAspect="1" noChangeArrowheads="1"/>
          </p:cNvPicPr>
          <p:nvPr/>
        </p:nvPicPr>
        <p:blipFill rotWithShape="1"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9447"/>
          <a:stretch/>
        </p:blipFill>
        <p:spPr bwMode="auto">
          <a:xfrm>
            <a:off x="254282" y="8171303"/>
            <a:ext cx="2425435" cy="12181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23" name="テキスト ボックス 5"/>
          <p:cNvSpPr txBox="1"/>
          <p:nvPr/>
        </p:nvSpPr>
        <p:spPr>
          <a:xfrm>
            <a:off x="1109185" y="9314719"/>
            <a:ext cx="1675670" cy="92333"/>
          </a:xfrm>
          <a:prstGeom prst="rect">
            <a:avLst/>
          </a:prstGeom>
          <a:noFill/>
          <a:ln w="9525" cmpd="sng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wrap="square" lIns="0" tIns="0" rIns="0" bIns="0" rtlCol="0" anchor="t">
            <a:spAutoFit/>
          </a:bodyPr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kumimoji="1" lang="ja-JP" altLang="en-US" sz="600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出典：</a:t>
            </a:r>
            <a:r>
              <a:rPr kumimoji="1" lang="ja-JP" altLang="en-US" sz="6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観光庁「宿泊旅行統計調査</a:t>
            </a:r>
          </a:p>
        </p:txBody>
      </p:sp>
      <p:sp>
        <p:nvSpPr>
          <p:cNvPr id="224" name="テキスト ボックス 5"/>
          <p:cNvSpPr txBox="1"/>
          <p:nvPr/>
        </p:nvSpPr>
        <p:spPr>
          <a:xfrm>
            <a:off x="462686" y="8566712"/>
            <a:ext cx="457200" cy="138499"/>
          </a:xfrm>
          <a:prstGeom prst="rect">
            <a:avLst/>
          </a:prstGeom>
          <a:noFill/>
          <a:ln w="9525" cmpd="sng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wrap="square" lIns="0" tIns="0" rIns="0" bIns="0" rtlCol="0" anchor="t">
            <a:spAutoFit/>
          </a:bodyPr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kumimoji="1" lang="ja-JP" altLang="en-US" sz="900" b="1" dirty="0" smtClean="0"/>
              <a:t>１</a:t>
            </a:r>
            <a:r>
              <a:rPr kumimoji="1" lang="en-US" altLang="ja-JP" sz="900" b="1" dirty="0" smtClean="0"/>
              <a:t>.</a:t>
            </a:r>
            <a:r>
              <a:rPr lang="ja-JP" altLang="en-US" sz="900" b="1" dirty="0" smtClean="0"/>
              <a:t>９９</a:t>
            </a:r>
            <a:r>
              <a:rPr kumimoji="1" lang="ja-JP" altLang="en-US" sz="900" b="1" dirty="0" smtClean="0"/>
              <a:t>倍</a:t>
            </a:r>
            <a:endParaRPr kumimoji="1" lang="ja-JP" altLang="en-US" sz="900" b="1" dirty="0"/>
          </a:p>
        </p:txBody>
      </p:sp>
      <p:sp>
        <p:nvSpPr>
          <p:cNvPr id="230" name="テキスト ボックス 5"/>
          <p:cNvSpPr txBox="1"/>
          <p:nvPr/>
        </p:nvSpPr>
        <p:spPr>
          <a:xfrm>
            <a:off x="1312752" y="8435432"/>
            <a:ext cx="493664" cy="153888"/>
          </a:xfrm>
          <a:prstGeom prst="rect">
            <a:avLst/>
          </a:prstGeom>
          <a:noFill/>
          <a:ln w="12700" cmpd="sng">
            <a:solidFill>
              <a:srgbClr val="FF0000"/>
            </a:solidFill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wrap="square" lIns="0" tIns="0" rIns="0" bIns="0" rtlCol="0" anchor="t">
            <a:spAutoFit/>
          </a:bodyPr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000" b="1" dirty="0" smtClean="0">
                <a:solidFill>
                  <a:srgbClr val="FF0000"/>
                </a:solidFill>
              </a:rPr>
              <a:t>３</a:t>
            </a:r>
            <a:r>
              <a:rPr lang="en-US" altLang="ja-JP" sz="1000" b="1" dirty="0">
                <a:solidFill>
                  <a:srgbClr val="FF0000"/>
                </a:solidFill>
              </a:rPr>
              <a:t>.</a:t>
            </a:r>
            <a:r>
              <a:rPr kumimoji="1" lang="ja-JP" altLang="en-US" sz="1000" b="1" dirty="0" smtClean="0">
                <a:solidFill>
                  <a:srgbClr val="FF0000"/>
                </a:solidFill>
              </a:rPr>
              <a:t>１９倍</a:t>
            </a:r>
            <a:endParaRPr kumimoji="1" lang="ja-JP" altLang="en-US" sz="1200" b="1" dirty="0">
              <a:solidFill>
                <a:srgbClr val="FF0000"/>
              </a:solidFill>
            </a:endParaRPr>
          </a:p>
        </p:txBody>
      </p:sp>
      <p:sp>
        <p:nvSpPr>
          <p:cNvPr id="231" name="テキスト ボックス 5"/>
          <p:cNvSpPr txBox="1"/>
          <p:nvPr/>
        </p:nvSpPr>
        <p:spPr>
          <a:xfrm>
            <a:off x="2026944" y="8823105"/>
            <a:ext cx="457200" cy="138499"/>
          </a:xfrm>
          <a:prstGeom prst="rect">
            <a:avLst/>
          </a:prstGeom>
          <a:noFill/>
          <a:ln w="9525" cmpd="sng">
            <a:noFill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dk1"/>
          </a:fontRef>
        </p:style>
        <p:txBody>
          <a:bodyPr wrap="square" lIns="0" tIns="0" rIns="0" bIns="0" rtlCol="0" anchor="t">
            <a:spAutoFit/>
          </a:bodyPr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kumimoji="1" lang="ja-JP" altLang="en-US" sz="900" b="1" dirty="0" smtClean="0"/>
              <a:t>２</a:t>
            </a:r>
            <a:r>
              <a:rPr kumimoji="1" lang="en-US" altLang="ja-JP" sz="900" b="1" dirty="0" smtClean="0"/>
              <a:t>.</a:t>
            </a:r>
            <a:r>
              <a:rPr kumimoji="1" lang="ja-JP" altLang="en-US" sz="900" b="1" dirty="0" smtClean="0"/>
              <a:t>７５倍</a:t>
            </a:r>
            <a:endParaRPr kumimoji="1" lang="ja-JP" altLang="en-US" sz="900" b="1" dirty="0"/>
          </a:p>
        </p:txBody>
      </p:sp>
      <p:sp>
        <p:nvSpPr>
          <p:cNvPr id="237" name="右矢印 236"/>
          <p:cNvSpPr/>
          <p:nvPr/>
        </p:nvSpPr>
        <p:spPr bwMode="auto">
          <a:xfrm rot="18469963">
            <a:off x="1424835" y="8894932"/>
            <a:ext cx="359031" cy="208866"/>
          </a:xfrm>
          <a:prstGeom prst="rightArrow">
            <a:avLst/>
          </a:prstGeom>
          <a:solidFill>
            <a:schemeClr val="accent3">
              <a:lumMod val="50000"/>
              <a:alpha val="7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8" name="右矢印 237"/>
          <p:cNvSpPr/>
          <p:nvPr/>
        </p:nvSpPr>
        <p:spPr bwMode="auto">
          <a:xfrm rot="18581946">
            <a:off x="734365" y="8689094"/>
            <a:ext cx="383920" cy="208866"/>
          </a:xfrm>
          <a:prstGeom prst="rightArrow">
            <a:avLst/>
          </a:prstGeom>
          <a:solidFill>
            <a:schemeClr val="accent3">
              <a:lumMod val="50000"/>
              <a:alpha val="7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9" name="右矢印 238"/>
          <p:cNvSpPr/>
          <p:nvPr/>
        </p:nvSpPr>
        <p:spPr bwMode="auto">
          <a:xfrm rot="18731332">
            <a:off x="2150650" y="9034273"/>
            <a:ext cx="257418" cy="208866"/>
          </a:xfrm>
          <a:prstGeom prst="rightArrow">
            <a:avLst/>
          </a:prstGeom>
          <a:solidFill>
            <a:schemeClr val="accent3">
              <a:lumMod val="50000"/>
              <a:alpha val="7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45" name="テキスト ボックス 229"/>
          <p:cNvSpPr txBox="1">
            <a:spLocks noChangeArrowheads="1"/>
          </p:cNvSpPr>
          <p:nvPr/>
        </p:nvSpPr>
        <p:spPr bwMode="auto">
          <a:xfrm>
            <a:off x="67661" y="8092925"/>
            <a:ext cx="584473" cy="92333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6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万人）</a:t>
            </a:r>
            <a:endParaRPr lang="en-US" altLang="ja-JP" sz="6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pic>
        <p:nvPicPr>
          <p:cNvPr id="247" name="Picture 7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18547" y="8282790"/>
            <a:ext cx="557248" cy="1176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50" name="正方形/長方形 249"/>
          <p:cNvSpPr/>
          <p:nvPr/>
        </p:nvSpPr>
        <p:spPr>
          <a:xfrm>
            <a:off x="336179" y="6371535"/>
            <a:ext cx="2377574" cy="2308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900" dirty="0" smtClean="0"/>
              <a:t>【</a:t>
            </a:r>
            <a:r>
              <a:rPr lang="ja-JP" altLang="en-US" sz="900" dirty="0" smtClean="0"/>
              <a:t>外国人出入国者数の推移（関西国際空港）</a:t>
            </a:r>
            <a:r>
              <a:rPr lang="en-US" altLang="ja-JP" sz="900" dirty="0" smtClean="0"/>
              <a:t>】</a:t>
            </a:r>
            <a:endParaRPr lang="ja-JP" altLang="en-US" sz="900" dirty="0"/>
          </a:p>
        </p:txBody>
      </p:sp>
      <p:sp>
        <p:nvSpPr>
          <p:cNvPr id="259" name="正方形/長方形 258"/>
          <p:cNvSpPr/>
          <p:nvPr/>
        </p:nvSpPr>
        <p:spPr>
          <a:xfrm>
            <a:off x="590189" y="7964532"/>
            <a:ext cx="1915909" cy="2308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900" dirty="0" smtClean="0"/>
              <a:t>【</a:t>
            </a:r>
            <a:r>
              <a:rPr lang="ja-JP" altLang="en-US" sz="900" dirty="0" smtClean="0"/>
              <a:t>都市圏</a:t>
            </a:r>
            <a:r>
              <a:rPr lang="ja-JP" altLang="en-US" sz="900" dirty="0"/>
              <a:t>別外国人宿泊者数の</a:t>
            </a:r>
            <a:r>
              <a:rPr lang="ja-JP" altLang="en-US" sz="900" dirty="0" smtClean="0"/>
              <a:t>推移</a:t>
            </a:r>
            <a:r>
              <a:rPr lang="en-US" altLang="ja-JP" sz="900" dirty="0" smtClean="0"/>
              <a:t>】</a:t>
            </a:r>
            <a:endParaRPr lang="ja-JP" altLang="en-US" sz="900" dirty="0"/>
          </a:p>
        </p:txBody>
      </p:sp>
      <p:sp>
        <p:nvSpPr>
          <p:cNvPr id="260" name="テキスト ボックス 229"/>
          <p:cNvSpPr txBox="1">
            <a:spLocks noChangeArrowheads="1"/>
          </p:cNvSpPr>
          <p:nvPr/>
        </p:nvSpPr>
        <p:spPr bwMode="auto">
          <a:xfrm>
            <a:off x="183019" y="6603574"/>
            <a:ext cx="584473" cy="92333"/>
          </a:xfrm>
          <a:prstGeom prst="rect">
            <a:avLst/>
          </a:prstGeom>
          <a:noFill/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ja-JP" altLang="en-US" sz="6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（万人）</a:t>
            </a:r>
            <a:endParaRPr lang="en-US" altLang="ja-JP" sz="6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pic>
        <p:nvPicPr>
          <p:cNvPr id="261" name="Picture 3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641" y="6568485"/>
            <a:ext cx="1883028" cy="1368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264" name="直線コネクタ 263"/>
          <p:cNvCxnSpPr/>
          <p:nvPr/>
        </p:nvCxnSpPr>
        <p:spPr bwMode="auto">
          <a:xfrm>
            <a:off x="842071" y="7426953"/>
            <a:ext cx="1512000" cy="0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cxnSp>
        <p:nvCxnSpPr>
          <p:cNvPr id="282" name="直線コネクタ 281"/>
          <p:cNvCxnSpPr/>
          <p:nvPr/>
        </p:nvCxnSpPr>
        <p:spPr bwMode="auto">
          <a:xfrm>
            <a:off x="844456" y="6841410"/>
            <a:ext cx="1476000" cy="0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cxnSp>
        <p:nvCxnSpPr>
          <p:cNvPr id="283" name="直線コネクタ 282"/>
          <p:cNvCxnSpPr/>
          <p:nvPr/>
        </p:nvCxnSpPr>
        <p:spPr bwMode="auto">
          <a:xfrm flipH="1">
            <a:off x="2033697" y="6843999"/>
            <a:ext cx="7270" cy="585214"/>
          </a:xfrm>
          <a:prstGeom prst="line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91" name="円形吹き出し 290"/>
          <p:cNvSpPr/>
          <p:nvPr/>
        </p:nvSpPr>
        <p:spPr bwMode="auto">
          <a:xfrm>
            <a:off x="653383" y="6586155"/>
            <a:ext cx="1457620" cy="311499"/>
          </a:xfrm>
          <a:prstGeom prst="wedgeEllipseCallout">
            <a:avLst>
              <a:gd name="adj1" fmla="val 43184"/>
              <a:gd name="adj2" fmla="val 79557"/>
            </a:avLst>
          </a:prstGeom>
          <a:solidFill>
            <a:srgbClr val="FFFFFF"/>
          </a:solidFill>
          <a:ln w="952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36000" tIns="18000" rIns="36000" bIns="3600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1" lang="en-US" altLang="ja-JP" sz="1100" i="0" u="none" strike="noStrike" cap="none" normalizeH="0" baseline="0" dirty="0" smtClean="0">
                <a:ln>
                  <a:noFill/>
                </a:ln>
                <a:effectLst/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3</a:t>
            </a:r>
            <a:r>
              <a:rPr kumimoji="1" lang="ja-JP" altLang="en-US" sz="1100" i="0" u="none" strike="noStrike" cap="none" normalizeH="0" baseline="0" dirty="0" smtClean="0">
                <a:ln>
                  <a:noFill/>
                </a:ln>
                <a:effectLst/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年</a:t>
            </a:r>
            <a:r>
              <a:rPr lang="ja-JP" altLang="en-US" sz="1100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間</a:t>
            </a:r>
            <a:r>
              <a:rPr kumimoji="1" lang="ja-JP" altLang="en-US" sz="1100" i="0" u="none" strike="noStrike" cap="none" normalizeH="0" baseline="0" dirty="0" smtClean="0">
                <a:ln>
                  <a:noFill/>
                </a:ln>
                <a:effectLst/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で</a:t>
            </a:r>
            <a:r>
              <a:rPr lang="en-US" altLang="ja-JP" sz="1100" b="1" dirty="0" smtClean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2.8</a:t>
            </a:r>
            <a:r>
              <a:rPr lang="ja-JP" altLang="en-US" sz="1100" b="1" dirty="0" smtClean="0">
                <a:solidFill>
                  <a:srgbClr val="FF0000"/>
                </a:solidFill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倍増加</a:t>
            </a:r>
            <a:endParaRPr kumimoji="1" lang="ja-JP" altLang="en-US" sz="1100" b="1" i="0" u="none" strike="noStrike" cap="none" normalizeH="0" baseline="0" dirty="0" smtClean="0">
              <a:ln>
                <a:noFill/>
              </a:ln>
              <a:solidFill>
                <a:srgbClr val="FF0000"/>
              </a:solidFill>
              <a:effectLst/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94" name="フリーフォーム 293"/>
          <p:cNvSpPr/>
          <p:nvPr/>
        </p:nvSpPr>
        <p:spPr bwMode="auto">
          <a:xfrm>
            <a:off x="588739" y="6626751"/>
            <a:ext cx="2120727" cy="1092713"/>
          </a:xfrm>
          <a:custGeom>
            <a:avLst/>
            <a:gdLst>
              <a:gd name="connsiteX0" fmla="*/ 0 w 1957387"/>
              <a:gd name="connsiteY0" fmla="*/ 952500 h 981075"/>
              <a:gd name="connsiteX1" fmla="*/ 304800 w 1957387"/>
              <a:gd name="connsiteY1" fmla="*/ 923925 h 981075"/>
              <a:gd name="connsiteX2" fmla="*/ 800100 w 1957387"/>
              <a:gd name="connsiteY2" fmla="*/ 842962 h 981075"/>
              <a:gd name="connsiteX3" fmla="*/ 1090612 w 1957387"/>
              <a:gd name="connsiteY3" fmla="*/ 747712 h 981075"/>
              <a:gd name="connsiteX4" fmla="*/ 1390650 w 1957387"/>
              <a:gd name="connsiteY4" fmla="*/ 504825 h 981075"/>
              <a:gd name="connsiteX5" fmla="*/ 1704975 w 1957387"/>
              <a:gd name="connsiteY5" fmla="*/ 200025 h 981075"/>
              <a:gd name="connsiteX6" fmla="*/ 1619250 w 1957387"/>
              <a:gd name="connsiteY6" fmla="*/ 161925 h 981075"/>
              <a:gd name="connsiteX7" fmla="*/ 1952625 w 1957387"/>
              <a:gd name="connsiteY7" fmla="*/ 0 h 981075"/>
              <a:gd name="connsiteX8" fmla="*/ 1957387 w 1957387"/>
              <a:gd name="connsiteY8" fmla="*/ 295275 h 981075"/>
              <a:gd name="connsiteX9" fmla="*/ 1862137 w 1957387"/>
              <a:gd name="connsiteY9" fmla="*/ 266700 h 981075"/>
              <a:gd name="connsiteX10" fmla="*/ 1504950 w 1957387"/>
              <a:gd name="connsiteY10" fmla="*/ 590550 h 981075"/>
              <a:gd name="connsiteX11" fmla="*/ 1185862 w 1957387"/>
              <a:gd name="connsiteY11" fmla="*/ 838200 h 981075"/>
              <a:gd name="connsiteX12" fmla="*/ 838200 w 1957387"/>
              <a:gd name="connsiteY12" fmla="*/ 933450 h 981075"/>
              <a:gd name="connsiteX13" fmla="*/ 300037 w 1957387"/>
              <a:gd name="connsiteY13" fmla="*/ 981075 h 981075"/>
              <a:gd name="connsiteX14" fmla="*/ 0 w 1957387"/>
              <a:gd name="connsiteY14" fmla="*/ 952500 h 981075"/>
              <a:gd name="connsiteX0" fmla="*/ 0 w 1957387"/>
              <a:gd name="connsiteY0" fmla="*/ 952500 h 981075"/>
              <a:gd name="connsiteX1" fmla="*/ 257175 w 1957387"/>
              <a:gd name="connsiteY1" fmla="*/ 900112 h 981075"/>
              <a:gd name="connsiteX2" fmla="*/ 800100 w 1957387"/>
              <a:gd name="connsiteY2" fmla="*/ 842962 h 981075"/>
              <a:gd name="connsiteX3" fmla="*/ 1090612 w 1957387"/>
              <a:gd name="connsiteY3" fmla="*/ 747712 h 981075"/>
              <a:gd name="connsiteX4" fmla="*/ 1390650 w 1957387"/>
              <a:gd name="connsiteY4" fmla="*/ 504825 h 981075"/>
              <a:gd name="connsiteX5" fmla="*/ 1704975 w 1957387"/>
              <a:gd name="connsiteY5" fmla="*/ 200025 h 981075"/>
              <a:gd name="connsiteX6" fmla="*/ 1619250 w 1957387"/>
              <a:gd name="connsiteY6" fmla="*/ 161925 h 981075"/>
              <a:gd name="connsiteX7" fmla="*/ 1952625 w 1957387"/>
              <a:gd name="connsiteY7" fmla="*/ 0 h 981075"/>
              <a:gd name="connsiteX8" fmla="*/ 1957387 w 1957387"/>
              <a:gd name="connsiteY8" fmla="*/ 295275 h 981075"/>
              <a:gd name="connsiteX9" fmla="*/ 1862137 w 1957387"/>
              <a:gd name="connsiteY9" fmla="*/ 266700 h 981075"/>
              <a:gd name="connsiteX10" fmla="*/ 1504950 w 1957387"/>
              <a:gd name="connsiteY10" fmla="*/ 590550 h 981075"/>
              <a:gd name="connsiteX11" fmla="*/ 1185862 w 1957387"/>
              <a:gd name="connsiteY11" fmla="*/ 838200 h 981075"/>
              <a:gd name="connsiteX12" fmla="*/ 838200 w 1957387"/>
              <a:gd name="connsiteY12" fmla="*/ 933450 h 981075"/>
              <a:gd name="connsiteX13" fmla="*/ 300037 w 1957387"/>
              <a:gd name="connsiteY13" fmla="*/ 981075 h 981075"/>
              <a:gd name="connsiteX14" fmla="*/ 0 w 1957387"/>
              <a:gd name="connsiteY14" fmla="*/ 952500 h 981075"/>
              <a:gd name="connsiteX0" fmla="*/ 0 w 2043112"/>
              <a:gd name="connsiteY0" fmla="*/ 981075 h 981075"/>
              <a:gd name="connsiteX1" fmla="*/ 342900 w 2043112"/>
              <a:gd name="connsiteY1" fmla="*/ 900112 h 981075"/>
              <a:gd name="connsiteX2" fmla="*/ 885825 w 2043112"/>
              <a:gd name="connsiteY2" fmla="*/ 842962 h 981075"/>
              <a:gd name="connsiteX3" fmla="*/ 1176337 w 2043112"/>
              <a:gd name="connsiteY3" fmla="*/ 747712 h 981075"/>
              <a:gd name="connsiteX4" fmla="*/ 1476375 w 2043112"/>
              <a:gd name="connsiteY4" fmla="*/ 504825 h 981075"/>
              <a:gd name="connsiteX5" fmla="*/ 1790700 w 2043112"/>
              <a:gd name="connsiteY5" fmla="*/ 200025 h 981075"/>
              <a:gd name="connsiteX6" fmla="*/ 1704975 w 2043112"/>
              <a:gd name="connsiteY6" fmla="*/ 161925 h 981075"/>
              <a:gd name="connsiteX7" fmla="*/ 2038350 w 2043112"/>
              <a:gd name="connsiteY7" fmla="*/ 0 h 981075"/>
              <a:gd name="connsiteX8" fmla="*/ 2043112 w 2043112"/>
              <a:gd name="connsiteY8" fmla="*/ 295275 h 981075"/>
              <a:gd name="connsiteX9" fmla="*/ 1947862 w 2043112"/>
              <a:gd name="connsiteY9" fmla="*/ 266700 h 981075"/>
              <a:gd name="connsiteX10" fmla="*/ 1590675 w 2043112"/>
              <a:gd name="connsiteY10" fmla="*/ 590550 h 981075"/>
              <a:gd name="connsiteX11" fmla="*/ 1271587 w 2043112"/>
              <a:gd name="connsiteY11" fmla="*/ 838200 h 981075"/>
              <a:gd name="connsiteX12" fmla="*/ 923925 w 2043112"/>
              <a:gd name="connsiteY12" fmla="*/ 933450 h 981075"/>
              <a:gd name="connsiteX13" fmla="*/ 385762 w 2043112"/>
              <a:gd name="connsiteY13" fmla="*/ 981075 h 981075"/>
              <a:gd name="connsiteX14" fmla="*/ 0 w 2043112"/>
              <a:gd name="connsiteY14" fmla="*/ 981075 h 981075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271587 w 2043112"/>
              <a:gd name="connsiteY11" fmla="*/ 838200 h 985838"/>
              <a:gd name="connsiteX12" fmla="*/ 923925 w 2043112"/>
              <a:gd name="connsiteY12" fmla="*/ 9334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271587 w 2043112"/>
              <a:gd name="connsiteY11" fmla="*/ 838200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885825 w 2043112"/>
              <a:gd name="connsiteY2" fmla="*/ 842962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42900 w 2043112"/>
              <a:gd name="connsiteY1" fmla="*/ 900112 h 985838"/>
              <a:gd name="connsiteX2" fmla="*/ 781050 w 2043112"/>
              <a:gd name="connsiteY2" fmla="*/ 890587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76337 w 2043112"/>
              <a:gd name="connsiteY3" fmla="*/ 747712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19187 w 2043112"/>
              <a:gd name="connsiteY3" fmla="*/ 790574 h 985838"/>
              <a:gd name="connsiteX4" fmla="*/ 1476375 w 2043112"/>
              <a:gd name="connsiteY4" fmla="*/ 5048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19187 w 2043112"/>
              <a:gd name="connsiteY3" fmla="*/ 790574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90675 w 2043112"/>
              <a:gd name="connsiteY10" fmla="*/ 590550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47862 w 2043112"/>
              <a:gd name="connsiteY9" fmla="*/ 266700 h 985838"/>
              <a:gd name="connsiteX10" fmla="*/ 1552575 w 2043112"/>
              <a:gd name="connsiteY10" fmla="*/ 642937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43112"/>
              <a:gd name="connsiteY0" fmla="*/ 981075 h 985838"/>
              <a:gd name="connsiteX1" fmla="*/ 361950 w 2043112"/>
              <a:gd name="connsiteY1" fmla="*/ 942975 h 985838"/>
              <a:gd name="connsiteX2" fmla="*/ 781050 w 2043112"/>
              <a:gd name="connsiteY2" fmla="*/ 890587 h 985838"/>
              <a:gd name="connsiteX3" fmla="*/ 1123950 w 2043112"/>
              <a:gd name="connsiteY3" fmla="*/ 814387 h 985838"/>
              <a:gd name="connsiteX4" fmla="*/ 1543050 w 2043112"/>
              <a:gd name="connsiteY4" fmla="*/ 466725 h 985838"/>
              <a:gd name="connsiteX5" fmla="*/ 1790700 w 2043112"/>
              <a:gd name="connsiteY5" fmla="*/ 200025 h 985838"/>
              <a:gd name="connsiteX6" fmla="*/ 1704975 w 2043112"/>
              <a:gd name="connsiteY6" fmla="*/ 161925 h 985838"/>
              <a:gd name="connsiteX7" fmla="*/ 2038350 w 2043112"/>
              <a:gd name="connsiteY7" fmla="*/ 0 h 985838"/>
              <a:gd name="connsiteX8" fmla="*/ 2043112 w 2043112"/>
              <a:gd name="connsiteY8" fmla="*/ 295275 h 985838"/>
              <a:gd name="connsiteX9" fmla="*/ 1914524 w 2043112"/>
              <a:gd name="connsiteY9" fmla="*/ 352425 h 985838"/>
              <a:gd name="connsiteX10" fmla="*/ 1552575 w 2043112"/>
              <a:gd name="connsiteY10" fmla="*/ 642937 h 985838"/>
              <a:gd name="connsiteX11" fmla="*/ 1109662 w 2043112"/>
              <a:gd name="connsiteY11" fmla="*/ 942975 h 985838"/>
              <a:gd name="connsiteX12" fmla="*/ 785813 w 2043112"/>
              <a:gd name="connsiteY12" fmla="*/ 971550 h 985838"/>
              <a:gd name="connsiteX13" fmla="*/ 352425 w 2043112"/>
              <a:gd name="connsiteY13" fmla="*/ 985838 h 985838"/>
              <a:gd name="connsiteX14" fmla="*/ 0 w 2043112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0700 w 2038390"/>
              <a:gd name="connsiteY5" fmla="*/ 200025 h 985838"/>
              <a:gd name="connsiteX6" fmla="*/ 1704975 w 2038390"/>
              <a:gd name="connsiteY6" fmla="*/ 161925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5462 w 2038390"/>
              <a:gd name="connsiteY5" fmla="*/ 257175 h 985838"/>
              <a:gd name="connsiteX6" fmla="*/ 1704975 w 2038390"/>
              <a:gd name="connsiteY6" fmla="*/ 161925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2038390"/>
              <a:gd name="connsiteY0" fmla="*/ 981075 h 985838"/>
              <a:gd name="connsiteX1" fmla="*/ 361950 w 2038390"/>
              <a:gd name="connsiteY1" fmla="*/ 942975 h 985838"/>
              <a:gd name="connsiteX2" fmla="*/ 781050 w 2038390"/>
              <a:gd name="connsiteY2" fmla="*/ 890587 h 985838"/>
              <a:gd name="connsiteX3" fmla="*/ 1123950 w 2038390"/>
              <a:gd name="connsiteY3" fmla="*/ 814387 h 985838"/>
              <a:gd name="connsiteX4" fmla="*/ 1543050 w 2038390"/>
              <a:gd name="connsiteY4" fmla="*/ 466725 h 985838"/>
              <a:gd name="connsiteX5" fmla="*/ 1795462 w 2038390"/>
              <a:gd name="connsiteY5" fmla="*/ 257175 h 985838"/>
              <a:gd name="connsiteX6" fmla="*/ 1728787 w 2038390"/>
              <a:gd name="connsiteY6" fmla="*/ 190500 h 985838"/>
              <a:gd name="connsiteX7" fmla="*/ 2038350 w 2038390"/>
              <a:gd name="connsiteY7" fmla="*/ 0 h 985838"/>
              <a:gd name="connsiteX8" fmla="*/ 1995487 w 2038390"/>
              <a:gd name="connsiteY8" fmla="*/ 419100 h 985838"/>
              <a:gd name="connsiteX9" fmla="*/ 1914524 w 2038390"/>
              <a:gd name="connsiteY9" fmla="*/ 352425 h 985838"/>
              <a:gd name="connsiteX10" fmla="*/ 1552575 w 2038390"/>
              <a:gd name="connsiteY10" fmla="*/ 642937 h 985838"/>
              <a:gd name="connsiteX11" fmla="*/ 1109662 w 2038390"/>
              <a:gd name="connsiteY11" fmla="*/ 942975 h 985838"/>
              <a:gd name="connsiteX12" fmla="*/ 785813 w 2038390"/>
              <a:gd name="connsiteY12" fmla="*/ 971550 h 985838"/>
              <a:gd name="connsiteX13" fmla="*/ 352425 w 2038390"/>
              <a:gd name="connsiteY13" fmla="*/ 985838 h 985838"/>
              <a:gd name="connsiteX14" fmla="*/ 0 w 2038390"/>
              <a:gd name="connsiteY14" fmla="*/ 981075 h 985838"/>
              <a:gd name="connsiteX0" fmla="*/ 0 w 1995487"/>
              <a:gd name="connsiteY0" fmla="*/ 823913 h 828676"/>
              <a:gd name="connsiteX1" fmla="*/ 361950 w 1995487"/>
              <a:gd name="connsiteY1" fmla="*/ 785813 h 828676"/>
              <a:gd name="connsiteX2" fmla="*/ 781050 w 1995487"/>
              <a:gd name="connsiteY2" fmla="*/ 733425 h 828676"/>
              <a:gd name="connsiteX3" fmla="*/ 1123950 w 1995487"/>
              <a:gd name="connsiteY3" fmla="*/ 657225 h 828676"/>
              <a:gd name="connsiteX4" fmla="*/ 1543050 w 1995487"/>
              <a:gd name="connsiteY4" fmla="*/ 309563 h 828676"/>
              <a:gd name="connsiteX5" fmla="*/ 1795462 w 1995487"/>
              <a:gd name="connsiteY5" fmla="*/ 100013 h 828676"/>
              <a:gd name="connsiteX6" fmla="*/ 1728787 w 1995487"/>
              <a:gd name="connsiteY6" fmla="*/ 33338 h 828676"/>
              <a:gd name="connsiteX7" fmla="*/ 1985963 w 1995487"/>
              <a:gd name="connsiteY7" fmla="*/ 0 h 828676"/>
              <a:gd name="connsiteX8" fmla="*/ 1995487 w 1995487"/>
              <a:gd name="connsiteY8" fmla="*/ 261938 h 828676"/>
              <a:gd name="connsiteX9" fmla="*/ 1914524 w 1995487"/>
              <a:gd name="connsiteY9" fmla="*/ 195263 h 828676"/>
              <a:gd name="connsiteX10" fmla="*/ 1552575 w 1995487"/>
              <a:gd name="connsiteY10" fmla="*/ 485775 h 828676"/>
              <a:gd name="connsiteX11" fmla="*/ 1109662 w 1995487"/>
              <a:gd name="connsiteY11" fmla="*/ 785813 h 828676"/>
              <a:gd name="connsiteX12" fmla="*/ 785813 w 1995487"/>
              <a:gd name="connsiteY12" fmla="*/ 814388 h 828676"/>
              <a:gd name="connsiteX13" fmla="*/ 352425 w 1995487"/>
              <a:gd name="connsiteY13" fmla="*/ 828676 h 828676"/>
              <a:gd name="connsiteX14" fmla="*/ 0 w 1995487"/>
              <a:gd name="connsiteY14" fmla="*/ 823913 h 8286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3050 w 2014619"/>
              <a:gd name="connsiteY4" fmla="*/ 347663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2387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2387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81050 w 2014619"/>
              <a:gd name="connsiteY2" fmla="*/ 771525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23950 w 2014619"/>
              <a:gd name="connsiteY3" fmla="*/ 695325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47813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52576 w 2014619"/>
              <a:gd name="connsiteY4" fmla="*/ 414338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552575 w 2014619"/>
              <a:gd name="connsiteY10" fmla="*/ 581025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61950 w 2014619"/>
              <a:gd name="connsiteY1" fmla="*/ 823913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59569 w 2014619"/>
              <a:gd name="connsiteY1" fmla="*/ 831057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359569 w 2014619"/>
              <a:gd name="connsiteY1" fmla="*/ 831057 h 866776"/>
              <a:gd name="connsiteX2" fmla="*/ 773906 w 2014619"/>
              <a:gd name="connsiteY2" fmla="*/ 788194 h 866776"/>
              <a:gd name="connsiteX3" fmla="*/ 1131094 w 2014619"/>
              <a:gd name="connsiteY3" fmla="*/ 685800 h 866776"/>
              <a:gd name="connsiteX4" fmla="*/ 1593058 w 2014619"/>
              <a:gd name="connsiteY4" fmla="*/ 397669 h 866776"/>
              <a:gd name="connsiteX5" fmla="*/ 1795462 w 2014619"/>
              <a:gd name="connsiteY5" fmla="*/ 138113 h 866776"/>
              <a:gd name="connsiteX6" fmla="*/ 1728787 w 2014619"/>
              <a:gd name="connsiteY6" fmla="*/ 71438 h 866776"/>
              <a:gd name="connsiteX7" fmla="*/ 2014538 w 2014619"/>
              <a:gd name="connsiteY7" fmla="*/ 0 h 866776"/>
              <a:gd name="connsiteX8" fmla="*/ 1995487 w 2014619"/>
              <a:gd name="connsiteY8" fmla="*/ 300038 h 866776"/>
              <a:gd name="connsiteX9" fmla="*/ 1914524 w 2014619"/>
              <a:gd name="connsiteY9" fmla="*/ 233363 h 866776"/>
              <a:gd name="connsiteX10" fmla="*/ 1609725 w 2014619"/>
              <a:gd name="connsiteY10" fmla="*/ 557213 h 866776"/>
              <a:gd name="connsiteX11" fmla="*/ 1109662 w 2014619"/>
              <a:gd name="connsiteY11" fmla="*/ 823913 h 866776"/>
              <a:gd name="connsiteX12" fmla="*/ 785813 w 2014619"/>
              <a:gd name="connsiteY12" fmla="*/ 852488 h 866776"/>
              <a:gd name="connsiteX13" fmla="*/ 352425 w 2014619"/>
              <a:gd name="connsiteY13" fmla="*/ 866776 h 866776"/>
              <a:gd name="connsiteX14" fmla="*/ 0 w 2014619"/>
              <a:gd name="connsiteY14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785813 w 2014619"/>
              <a:gd name="connsiteY11" fmla="*/ 852488 h 866776"/>
              <a:gd name="connsiteX12" fmla="*/ 352425 w 2014619"/>
              <a:gd name="connsiteY12" fmla="*/ 866776 h 866776"/>
              <a:gd name="connsiteX13" fmla="*/ 0 w 2014619"/>
              <a:gd name="connsiteY13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785813 w 2014619"/>
              <a:gd name="connsiteY11" fmla="*/ 852488 h 866776"/>
              <a:gd name="connsiteX12" fmla="*/ 352425 w 2014619"/>
              <a:gd name="connsiteY12" fmla="*/ 866776 h 866776"/>
              <a:gd name="connsiteX13" fmla="*/ 0 w 2014619"/>
              <a:gd name="connsiteY13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352425 w 2014619"/>
              <a:gd name="connsiteY11" fmla="*/ 866776 h 866776"/>
              <a:gd name="connsiteX12" fmla="*/ 0 w 2014619"/>
              <a:gd name="connsiteY12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131094 w 2014619"/>
              <a:gd name="connsiteY2" fmla="*/ 685800 h 866776"/>
              <a:gd name="connsiteX3" fmla="*/ 1593058 w 2014619"/>
              <a:gd name="connsiteY3" fmla="*/ 397669 h 866776"/>
              <a:gd name="connsiteX4" fmla="*/ 1795462 w 2014619"/>
              <a:gd name="connsiteY4" fmla="*/ 138113 h 866776"/>
              <a:gd name="connsiteX5" fmla="*/ 1728787 w 2014619"/>
              <a:gd name="connsiteY5" fmla="*/ 71438 h 866776"/>
              <a:gd name="connsiteX6" fmla="*/ 2014538 w 2014619"/>
              <a:gd name="connsiteY6" fmla="*/ 0 h 866776"/>
              <a:gd name="connsiteX7" fmla="*/ 1995487 w 2014619"/>
              <a:gd name="connsiteY7" fmla="*/ 300038 h 866776"/>
              <a:gd name="connsiteX8" fmla="*/ 1914524 w 2014619"/>
              <a:gd name="connsiteY8" fmla="*/ 233363 h 866776"/>
              <a:gd name="connsiteX9" fmla="*/ 1609725 w 2014619"/>
              <a:gd name="connsiteY9" fmla="*/ 557213 h 866776"/>
              <a:gd name="connsiteX10" fmla="*/ 1109662 w 2014619"/>
              <a:gd name="connsiteY10" fmla="*/ 823913 h 866776"/>
              <a:gd name="connsiteX11" fmla="*/ 352425 w 2014619"/>
              <a:gd name="connsiteY11" fmla="*/ 866776 h 866776"/>
              <a:gd name="connsiteX12" fmla="*/ 0 w 2014619"/>
              <a:gd name="connsiteY12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93058 w 2014619"/>
              <a:gd name="connsiteY2" fmla="*/ 397669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93058 w 2014619"/>
              <a:gd name="connsiteY2" fmla="*/ 397669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609725 w 2014619"/>
              <a:gd name="connsiteY8" fmla="*/ 557213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571625 w 2014619"/>
              <a:gd name="connsiteY8" fmla="*/ 588169 h 866776"/>
              <a:gd name="connsiteX9" fmla="*/ 1109662 w 2014619"/>
              <a:gd name="connsiteY9" fmla="*/ 823913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33363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21668 w 2014619"/>
              <a:gd name="connsiteY7" fmla="*/ 254794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619"/>
              <a:gd name="connsiteY0" fmla="*/ 862013 h 866776"/>
              <a:gd name="connsiteX1" fmla="*/ 773906 w 2014619"/>
              <a:gd name="connsiteY1" fmla="*/ 788194 h 866776"/>
              <a:gd name="connsiteX2" fmla="*/ 1564483 w 2014619"/>
              <a:gd name="connsiteY2" fmla="*/ 423863 h 866776"/>
              <a:gd name="connsiteX3" fmla="*/ 1795462 w 2014619"/>
              <a:gd name="connsiteY3" fmla="*/ 138113 h 866776"/>
              <a:gd name="connsiteX4" fmla="*/ 1728787 w 2014619"/>
              <a:gd name="connsiteY4" fmla="*/ 71438 h 866776"/>
              <a:gd name="connsiteX5" fmla="*/ 2014538 w 2014619"/>
              <a:gd name="connsiteY5" fmla="*/ 0 h 866776"/>
              <a:gd name="connsiteX6" fmla="*/ 1995487 w 2014619"/>
              <a:gd name="connsiteY6" fmla="*/ 300038 h 866776"/>
              <a:gd name="connsiteX7" fmla="*/ 1914524 w 2014619"/>
              <a:gd name="connsiteY7" fmla="*/ 290512 h 866776"/>
              <a:gd name="connsiteX8" fmla="*/ 1571625 w 2014619"/>
              <a:gd name="connsiteY8" fmla="*/ 588169 h 866776"/>
              <a:gd name="connsiteX9" fmla="*/ 1142999 w 2014619"/>
              <a:gd name="connsiteY9" fmla="*/ 814388 h 866776"/>
              <a:gd name="connsiteX10" fmla="*/ 352425 w 2014619"/>
              <a:gd name="connsiteY10" fmla="*/ 866776 h 866776"/>
              <a:gd name="connsiteX11" fmla="*/ 0 w 2014619"/>
              <a:gd name="connsiteY11" fmla="*/ 862013 h 866776"/>
              <a:gd name="connsiteX0" fmla="*/ 0 w 2014578"/>
              <a:gd name="connsiteY0" fmla="*/ 862013 h 866776"/>
              <a:gd name="connsiteX1" fmla="*/ 773906 w 2014578"/>
              <a:gd name="connsiteY1" fmla="*/ 788194 h 866776"/>
              <a:gd name="connsiteX2" fmla="*/ 1564483 w 2014578"/>
              <a:gd name="connsiteY2" fmla="*/ 423863 h 866776"/>
              <a:gd name="connsiteX3" fmla="*/ 1795462 w 2014578"/>
              <a:gd name="connsiteY3" fmla="*/ 138113 h 866776"/>
              <a:gd name="connsiteX4" fmla="*/ 1728787 w 2014578"/>
              <a:gd name="connsiteY4" fmla="*/ 71438 h 866776"/>
              <a:gd name="connsiteX5" fmla="*/ 2014538 w 2014578"/>
              <a:gd name="connsiteY5" fmla="*/ 0 h 866776"/>
              <a:gd name="connsiteX6" fmla="*/ 1971675 w 2014578"/>
              <a:gd name="connsiteY6" fmla="*/ 342900 h 866776"/>
              <a:gd name="connsiteX7" fmla="*/ 1914524 w 2014578"/>
              <a:gd name="connsiteY7" fmla="*/ 290512 h 866776"/>
              <a:gd name="connsiteX8" fmla="*/ 1571625 w 2014578"/>
              <a:gd name="connsiteY8" fmla="*/ 588169 h 866776"/>
              <a:gd name="connsiteX9" fmla="*/ 1142999 w 2014578"/>
              <a:gd name="connsiteY9" fmla="*/ 814388 h 866776"/>
              <a:gd name="connsiteX10" fmla="*/ 352425 w 2014578"/>
              <a:gd name="connsiteY10" fmla="*/ 866776 h 866776"/>
              <a:gd name="connsiteX11" fmla="*/ 0 w 2014578"/>
              <a:gd name="connsiteY11" fmla="*/ 862013 h 866776"/>
              <a:gd name="connsiteX0" fmla="*/ 0 w 2014651"/>
              <a:gd name="connsiteY0" fmla="*/ 862013 h 866776"/>
              <a:gd name="connsiteX1" fmla="*/ 773906 w 2014651"/>
              <a:gd name="connsiteY1" fmla="*/ 788194 h 866776"/>
              <a:gd name="connsiteX2" fmla="*/ 1564483 w 2014651"/>
              <a:gd name="connsiteY2" fmla="*/ 423863 h 866776"/>
              <a:gd name="connsiteX3" fmla="*/ 1795462 w 2014651"/>
              <a:gd name="connsiteY3" fmla="*/ 138113 h 866776"/>
              <a:gd name="connsiteX4" fmla="*/ 1728787 w 2014651"/>
              <a:gd name="connsiteY4" fmla="*/ 71438 h 866776"/>
              <a:gd name="connsiteX5" fmla="*/ 2014538 w 2014651"/>
              <a:gd name="connsiteY5" fmla="*/ 0 h 866776"/>
              <a:gd name="connsiteX6" fmla="*/ 1971675 w 2014651"/>
              <a:gd name="connsiteY6" fmla="*/ 342900 h 866776"/>
              <a:gd name="connsiteX7" fmla="*/ 1914524 w 2014651"/>
              <a:gd name="connsiteY7" fmla="*/ 290512 h 866776"/>
              <a:gd name="connsiteX8" fmla="*/ 1571625 w 2014651"/>
              <a:gd name="connsiteY8" fmla="*/ 588169 h 866776"/>
              <a:gd name="connsiteX9" fmla="*/ 1142999 w 2014651"/>
              <a:gd name="connsiteY9" fmla="*/ 814388 h 866776"/>
              <a:gd name="connsiteX10" fmla="*/ 352425 w 2014651"/>
              <a:gd name="connsiteY10" fmla="*/ 866776 h 866776"/>
              <a:gd name="connsiteX11" fmla="*/ 0 w 2014651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42999 w 2014538"/>
              <a:gd name="connsiteY9" fmla="*/ 814388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19187 w 2014538"/>
              <a:gd name="connsiteY9" fmla="*/ 821532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  <a:gd name="connsiteX0" fmla="*/ 0 w 2014538"/>
              <a:gd name="connsiteY0" fmla="*/ 862013 h 866776"/>
              <a:gd name="connsiteX1" fmla="*/ 773906 w 2014538"/>
              <a:gd name="connsiteY1" fmla="*/ 788194 h 866776"/>
              <a:gd name="connsiteX2" fmla="*/ 1564483 w 2014538"/>
              <a:gd name="connsiteY2" fmla="*/ 423863 h 866776"/>
              <a:gd name="connsiteX3" fmla="*/ 1795462 w 2014538"/>
              <a:gd name="connsiteY3" fmla="*/ 138113 h 866776"/>
              <a:gd name="connsiteX4" fmla="*/ 1728787 w 2014538"/>
              <a:gd name="connsiteY4" fmla="*/ 71438 h 866776"/>
              <a:gd name="connsiteX5" fmla="*/ 2014538 w 2014538"/>
              <a:gd name="connsiteY5" fmla="*/ 0 h 866776"/>
              <a:gd name="connsiteX6" fmla="*/ 1971675 w 2014538"/>
              <a:gd name="connsiteY6" fmla="*/ 342900 h 866776"/>
              <a:gd name="connsiteX7" fmla="*/ 1914524 w 2014538"/>
              <a:gd name="connsiteY7" fmla="*/ 290512 h 866776"/>
              <a:gd name="connsiteX8" fmla="*/ 1571625 w 2014538"/>
              <a:gd name="connsiteY8" fmla="*/ 588169 h 866776"/>
              <a:gd name="connsiteX9" fmla="*/ 1119187 w 2014538"/>
              <a:gd name="connsiteY9" fmla="*/ 821532 h 866776"/>
              <a:gd name="connsiteX10" fmla="*/ 352425 w 2014538"/>
              <a:gd name="connsiteY10" fmla="*/ 866776 h 866776"/>
              <a:gd name="connsiteX11" fmla="*/ 0 w 2014538"/>
              <a:gd name="connsiteY11" fmla="*/ 862013 h 86677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</a:cxnLst>
            <a:rect l="l" t="t" r="r" b="b"/>
            <a:pathLst>
              <a:path w="2014538" h="866776">
                <a:moveTo>
                  <a:pt x="0" y="862013"/>
                </a:moveTo>
                <a:cubicBezTo>
                  <a:pt x="70247" y="848916"/>
                  <a:pt x="485378" y="850900"/>
                  <a:pt x="773906" y="788194"/>
                </a:cubicBezTo>
                <a:cubicBezTo>
                  <a:pt x="1137047" y="686990"/>
                  <a:pt x="1222773" y="675085"/>
                  <a:pt x="1564483" y="423863"/>
                </a:cubicBezTo>
                <a:cubicBezTo>
                  <a:pt x="1739107" y="264319"/>
                  <a:pt x="1787525" y="185738"/>
                  <a:pt x="1795462" y="138113"/>
                </a:cubicBezTo>
                <a:lnTo>
                  <a:pt x="1728787" y="71438"/>
                </a:lnTo>
                <a:lnTo>
                  <a:pt x="2014538" y="0"/>
                </a:lnTo>
                <a:cubicBezTo>
                  <a:pt x="1999456" y="138906"/>
                  <a:pt x="2001044" y="92075"/>
                  <a:pt x="1971675" y="342900"/>
                </a:cubicBezTo>
                <a:lnTo>
                  <a:pt x="1914524" y="290512"/>
                </a:lnTo>
                <a:cubicBezTo>
                  <a:pt x="1812924" y="398462"/>
                  <a:pt x="1673225" y="501651"/>
                  <a:pt x="1571625" y="588169"/>
                </a:cubicBezTo>
                <a:cubicBezTo>
                  <a:pt x="1426368" y="705644"/>
                  <a:pt x="1300163" y="763588"/>
                  <a:pt x="1119187" y="821532"/>
                </a:cubicBezTo>
                <a:cubicBezTo>
                  <a:pt x="909637" y="873126"/>
                  <a:pt x="537369" y="860426"/>
                  <a:pt x="352425" y="866776"/>
                </a:cubicBezTo>
                <a:lnTo>
                  <a:pt x="0" y="862013"/>
                </a:lnTo>
                <a:close/>
              </a:path>
            </a:pathLst>
          </a:custGeom>
          <a:solidFill>
            <a:srgbClr val="FF3300">
              <a:alpha val="5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95" name="テキスト ボックス 229"/>
          <p:cNvSpPr txBox="1">
            <a:spLocks noChangeArrowheads="1"/>
          </p:cNvSpPr>
          <p:nvPr/>
        </p:nvSpPr>
        <p:spPr bwMode="auto">
          <a:xfrm>
            <a:off x="369504" y="7886248"/>
            <a:ext cx="2318516" cy="92333"/>
          </a:xfrm>
          <a:prstGeom prst="rect">
            <a:avLst/>
          </a:prstGeom>
          <a:solidFill>
            <a:srgbClr val="FFFFFF"/>
          </a:solidFill>
          <a:ln w="6350">
            <a:noFill/>
          </a:ln>
          <a:extLst/>
        </p:spPr>
        <p:txBody>
          <a:bodyPr wrap="square" lIns="36000" tIns="0" rIns="0" bIns="0">
            <a:spAutoFit/>
          </a:bodyPr>
          <a:lstStyle>
            <a:lvl1pPr eaLnBrk="0" hangingPunct="0">
              <a:spcBef>
                <a:spcPct val="20000"/>
              </a:spcBef>
              <a:buChar char="•"/>
              <a:defRPr kumimoji="1" sz="45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Char char="–"/>
              <a:defRPr kumimoji="1" sz="39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Char char="•"/>
              <a:defRPr kumimoji="1" sz="34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Char char="–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800">
                <a:solidFill>
                  <a:schemeClr val="tx1"/>
                </a:solidFill>
                <a:latin typeface="Times New Roman" pitchFamily="18" charset="0"/>
                <a:ea typeface="ＭＳ Ｐゴシック" charset="-128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r>
              <a:rPr lang="ja-JP" altLang="en-US" sz="6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　　　　出典：法務省「出入国管理統計」</a:t>
            </a:r>
            <a:endParaRPr lang="en-US" altLang="ja-JP" sz="6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149" name="正方形/長方形 148"/>
          <p:cNvSpPr/>
          <p:nvPr/>
        </p:nvSpPr>
        <p:spPr>
          <a:xfrm>
            <a:off x="356096" y="5665365"/>
            <a:ext cx="1335784" cy="367793"/>
          </a:xfrm>
          <a:prstGeom prst="rect">
            <a:avLst/>
          </a:prstGeom>
          <a:noFill/>
        </p:spPr>
        <p:txBody>
          <a:bodyPr wrap="square" lIns="108000" tIns="64008" rIns="0" bIns="64008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7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阪神圏中心部の主要渋滞箇所</a:t>
            </a:r>
            <a:endParaRPr lang="en-US" altLang="ja-JP" sz="700" b="1" dirty="0" smtClean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>
              <a:lnSpc>
                <a:spcPts val="600"/>
              </a:lnSpc>
            </a:pPr>
            <a:r>
              <a:rPr lang="ja-JP" altLang="en-US" sz="7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（</a:t>
            </a:r>
            <a:r>
              <a:rPr lang="en-US" altLang="ja-JP" sz="7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H25.2</a:t>
            </a:r>
            <a:r>
              <a:rPr lang="ja-JP" altLang="en-US" sz="700" b="1" dirty="0" smtClean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　国土交通省）</a:t>
            </a:r>
            <a:endParaRPr lang="en-US" altLang="ja-JP" sz="700" b="1" dirty="0" smtClean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51" name="乗算記号 150"/>
          <p:cNvSpPr>
            <a:spLocks noChangeAspect="1"/>
          </p:cNvSpPr>
          <p:nvPr/>
        </p:nvSpPr>
        <p:spPr bwMode="auto">
          <a:xfrm>
            <a:off x="278267" y="572341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3" name="乗算記号 152"/>
          <p:cNvSpPr>
            <a:spLocks noChangeAspect="1"/>
          </p:cNvSpPr>
          <p:nvPr/>
        </p:nvSpPr>
        <p:spPr bwMode="auto">
          <a:xfrm>
            <a:off x="6328400" y="6088849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4" name="乗算記号 153"/>
          <p:cNvSpPr>
            <a:spLocks noChangeAspect="1"/>
          </p:cNvSpPr>
          <p:nvPr/>
        </p:nvSpPr>
        <p:spPr bwMode="auto">
          <a:xfrm>
            <a:off x="6351779" y="5967231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5" name="乗算記号 154"/>
          <p:cNvSpPr>
            <a:spLocks noChangeAspect="1"/>
          </p:cNvSpPr>
          <p:nvPr/>
        </p:nvSpPr>
        <p:spPr bwMode="auto">
          <a:xfrm>
            <a:off x="6421481" y="5796276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7" name="乗算記号 156"/>
          <p:cNvSpPr>
            <a:spLocks noChangeAspect="1"/>
          </p:cNvSpPr>
          <p:nvPr/>
        </p:nvSpPr>
        <p:spPr bwMode="auto">
          <a:xfrm>
            <a:off x="6214811" y="5735340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8" name="乗算記号 157"/>
          <p:cNvSpPr>
            <a:spLocks noChangeAspect="1"/>
          </p:cNvSpPr>
          <p:nvPr/>
        </p:nvSpPr>
        <p:spPr bwMode="auto">
          <a:xfrm>
            <a:off x="6207617" y="562462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59" name="乗算記号 158"/>
          <p:cNvSpPr>
            <a:spLocks noChangeAspect="1"/>
          </p:cNvSpPr>
          <p:nvPr/>
        </p:nvSpPr>
        <p:spPr bwMode="auto">
          <a:xfrm>
            <a:off x="6109614" y="5545174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61" name="乗算記号 160"/>
          <p:cNvSpPr>
            <a:spLocks noChangeAspect="1"/>
          </p:cNvSpPr>
          <p:nvPr/>
        </p:nvSpPr>
        <p:spPr bwMode="auto">
          <a:xfrm>
            <a:off x="5859875" y="5256733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64" name="乗算記号 163"/>
          <p:cNvSpPr>
            <a:spLocks noChangeAspect="1"/>
          </p:cNvSpPr>
          <p:nvPr/>
        </p:nvSpPr>
        <p:spPr bwMode="auto">
          <a:xfrm>
            <a:off x="5750380" y="5084568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66" name="乗算記号 165"/>
          <p:cNvSpPr>
            <a:spLocks noChangeAspect="1"/>
          </p:cNvSpPr>
          <p:nvPr/>
        </p:nvSpPr>
        <p:spPr bwMode="auto">
          <a:xfrm>
            <a:off x="5303239" y="5133947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73" name="乗算記号 172"/>
          <p:cNvSpPr>
            <a:spLocks noChangeAspect="1"/>
          </p:cNvSpPr>
          <p:nvPr/>
        </p:nvSpPr>
        <p:spPr bwMode="auto">
          <a:xfrm>
            <a:off x="5620079" y="497396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76" name="乗算記号 175"/>
          <p:cNvSpPr>
            <a:spLocks noChangeAspect="1"/>
          </p:cNvSpPr>
          <p:nvPr/>
        </p:nvSpPr>
        <p:spPr bwMode="auto">
          <a:xfrm>
            <a:off x="5773725" y="4926086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78" name="乗算記号 177"/>
          <p:cNvSpPr>
            <a:spLocks noChangeAspect="1"/>
          </p:cNvSpPr>
          <p:nvPr/>
        </p:nvSpPr>
        <p:spPr bwMode="auto">
          <a:xfrm>
            <a:off x="5916851" y="4932467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3" name="乗算記号 182"/>
          <p:cNvSpPr>
            <a:spLocks noChangeAspect="1"/>
          </p:cNvSpPr>
          <p:nvPr/>
        </p:nvSpPr>
        <p:spPr bwMode="auto">
          <a:xfrm>
            <a:off x="6070433" y="494698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6" name="乗算記号 185"/>
          <p:cNvSpPr>
            <a:spLocks noChangeAspect="1"/>
          </p:cNvSpPr>
          <p:nvPr/>
        </p:nvSpPr>
        <p:spPr bwMode="auto">
          <a:xfrm>
            <a:off x="6605912" y="4975080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189" name="乗算記号 188"/>
          <p:cNvSpPr>
            <a:spLocks noChangeAspect="1"/>
          </p:cNvSpPr>
          <p:nvPr/>
        </p:nvSpPr>
        <p:spPr bwMode="auto">
          <a:xfrm>
            <a:off x="6738034" y="4960970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00" name="乗算記号 199"/>
          <p:cNvSpPr>
            <a:spLocks noChangeAspect="1"/>
          </p:cNvSpPr>
          <p:nvPr/>
        </p:nvSpPr>
        <p:spPr bwMode="auto">
          <a:xfrm>
            <a:off x="5869594" y="4785850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01" name="乗算記号 200"/>
          <p:cNvSpPr>
            <a:spLocks noChangeAspect="1"/>
          </p:cNvSpPr>
          <p:nvPr/>
        </p:nvSpPr>
        <p:spPr bwMode="auto">
          <a:xfrm>
            <a:off x="5916850" y="468287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05" name="乗算記号 204"/>
          <p:cNvSpPr>
            <a:spLocks noChangeAspect="1"/>
          </p:cNvSpPr>
          <p:nvPr/>
        </p:nvSpPr>
        <p:spPr bwMode="auto">
          <a:xfrm>
            <a:off x="5458646" y="4494752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10" name="乗算記号 209"/>
          <p:cNvSpPr>
            <a:spLocks noChangeAspect="1"/>
          </p:cNvSpPr>
          <p:nvPr/>
        </p:nvSpPr>
        <p:spPr bwMode="auto">
          <a:xfrm>
            <a:off x="5489850" y="4268188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11" name="乗算記号 210"/>
          <p:cNvSpPr>
            <a:spLocks noChangeAspect="1"/>
          </p:cNvSpPr>
          <p:nvPr/>
        </p:nvSpPr>
        <p:spPr bwMode="auto">
          <a:xfrm>
            <a:off x="5486278" y="4771783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14" name="乗算記号 213"/>
          <p:cNvSpPr>
            <a:spLocks noChangeAspect="1"/>
          </p:cNvSpPr>
          <p:nvPr/>
        </p:nvSpPr>
        <p:spPr bwMode="auto">
          <a:xfrm>
            <a:off x="5459921" y="5050399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15" name="乗算記号 214"/>
          <p:cNvSpPr>
            <a:spLocks noChangeAspect="1"/>
          </p:cNvSpPr>
          <p:nvPr/>
        </p:nvSpPr>
        <p:spPr bwMode="auto">
          <a:xfrm>
            <a:off x="5619602" y="4837621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19" name="乗算記号 218"/>
          <p:cNvSpPr>
            <a:spLocks noChangeAspect="1"/>
          </p:cNvSpPr>
          <p:nvPr/>
        </p:nvSpPr>
        <p:spPr bwMode="auto">
          <a:xfrm>
            <a:off x="5447952" y="4388714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22" name="乗算記号 221"/>
          <p:cNvSpPr>
            <a:spLocks noChangeAspect="1"/>
          </p:cNvSpPr>
          <p:nvPr/>
        </p:nvSpPr>
        <p:spPr bwMode="auto">
          <a:xfrm>
            <a:off x="6490056" y="4975079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4" name="乗算記号 233"/>
          <p:cNvSpPr>
            <a:spLocks noChangeAspect="1"/>
          </p:cNvSpPr>
          <p:nvPr/>
        </p:nvSpPr>
        <p:spPr bwMode="auto">
          <a:xfrm>
            <a:off x="6580811" y="4722228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5" name="乗算記号 234"/>
          <p:cNvSpPr>
            <a:spLocks noChangeAspect="1"/>
          </p:cNvSpPr>
          <p:nvPr/>
        </p:nvSpPr>
        <p:spPr bwMode="auto">
          <a:xfrm>
            <a:off x="6582970" y="4824228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sp>
        <p:nvSpPr>
          <p:cNvPr id="236" name="乗算記号 235"/>
          <p:cNvSpPr>
            <a:spLocks noChangeAspect="1"/>
          </p:cNvSpPr>
          <p:nvPr/>
        </p:nvSpPr>
        <p:spPr bwMode="auto">
          <a:xfrm>
            <a:off x="5655130" y="5160768"/>
            <a:ext cx="183695" cy="159209"/>
          </a:xfrm>
          <a:prstGeom prst="mathMultiply">
            <a:avLst>
              <a:gd name="adj1" fmla="val 15839"/>
            </a:avLst>
          </a:prstGeom>
          <a:solidFill>
            <a:srgbClr val="FF0000">
              <a:alpha val="70000"/>
            </a:srgbClr>
          </a:solidFill>
          <a:ln w="9525" cap="flat" cmpd="sng" algn="ctr">
            <a:solidFill>
              <a:schemeClr val="tx1">
                <a:alpha val="7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ja-JP" altLang="en-US" sz="4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ea typeface="ＭＳ Ｐゴシック" pitchFamily="50" charset="-128"/>
            </a:endParaRPr>
          </a:p>
        </p:txBody>
      </p:sp>
      <p:pic>
        <p:nvPicPr>
          <p:cNvPr id="240" name="Picture 3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4282" y="5173524"/>
            <a:ext cx="809351" cy="5382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218097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標準デザイン">
  <a:themeElements>
    <a:clrScheme name="標準デザイン 4">
      <a:dk1>
        <a:srgbClr val="000000"/>
      </a:dk1>
      <a:lt1>
        <a:srgbClr val="FFFFCC"/>
      </a:lt1>
      <a:dk2>
        <a:srgbClr val="808000"/>
      </a:dk2>
      <a:lt2>
        <a:srgbClr val="666633"/>
      </a:lt2>
      <a:accent1>
        <a:srgbClr val="339933"/>
      </a:accent1>
      <a:accent2>
        <a:srgbClr val="800000"/>
      </a:accent2>
      <a:accent3>
        <a:srgbClr val="FFFFE2"/>
      </a:accent3>
      <a:accent4>
        <a:srgbClr val="000000"/>
      </a:accent4>
      <a:accent5>
        <a:srgbClr val="ADCAAD"/>
      </a:accent5>
      <a:accent6>
        <a:srgbClr val="730000"/>
      </a:accent6>
      <a:hlink>
        <a:srgbClr val="0033CC"/>
      </a:hlink>
      <a:folHlink>
        <a:srgbClr val="FFCC66"/>
      </a:folHlink>
    </a:clrScheme>
    <a:fontScheme name="標準デザイン">
      <a:majorFont>
        <a:latin typeface="Times New Roman"/>
        <a:ea typeface="ＭＳ Ｐゴシック"/>
        <a:cs typeface=""/>
      </a:majorFont>
      <a:minorFont>
        <a:latin typeface="Times New Roman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rtlCol="0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Tx/>
          <a:buSzTx/>
          <a:buFontTx/>
          <a:buNone/>
          <a:tabLst/>
          <a:defRPr kumimoji="1" sz="4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  <a:ea typeface="ＭＳ Ｐゴシック" pitchFamily="50" charset="-128"/>
          </a:defRPr>
        </a:defPPr>
      </a:lstStyle>
    </a:spDef>
    <a:lnDef>
      <a:spPr bwMode="auto">
        <a:noFill/>
        <a:ln w="44450" cap="flat" cmpd="sng" algn="ctr">
          <a:solidFill>
            <a:srgbClr val="FF0000"/>
          </a:solidFill>
          <a:prstDash val="solid"/>
          <a:round/>
          <a:headEnd type="none" w="med" len="med"/>
          <a:tailEnd type="triangle" w="med" len="med"/>
        </a:ln>
        <a:effectLst/>
      </a:spPr>
      <a:bodyPr/>
      <a:lstStyle/>
    </a:lnDef>
    <a:txDef>
      <a:spPr bwMode="auto">
        <a:noFill/>
        <a:ln w="9525">
          <a:noFill/>
          <a:miter lim="800000"/>
          <a:headEnd/>
          <a:tailEnd/>
        </a:ln>
        <a:effectLst/>
      </a:spPr>
      <a:bodyPr wrap="square">
        <a:spAutoFit/>
      </a:bodyPr>
      <a:lstStyle>
        <a:defPPr>
          <a:lnSpc>
            <a:spcPts val="600"/>
          </a:lnSpc>
          <a:spcBef>
            <a:spcPct val="50000"/>
          </a:spcBef>
          <a:defRPr sz="1000" b="1" dirty="0" smtClean="0">
            <a:solidFill>
              <a:srgbClr val="FF0000"/>
            </a:solidFill>
            <a:ea typeface="VL Pゴシック" pitchFamily="50" charset="-128"/>
          </a:defRPr>
        </a:defPPr>
      </a:lstStyle>
    </a:txDef>
  </a:objectDefaults>
  <a:extraClrSchemeLst>
    <a:extraClrScheme>
      <a:clrScheme name="標準デザイン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標準デザイン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標準デザイン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標準デザイン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標準デザイン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標準デザイン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標準デザイン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テーマ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テーマ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ドキュメント" ma:contentTypeID="0x01010010C20BB0A50B3045A02625826B3BB5E5" ma:contentTypeVersion="0" ma:contentTypeDescription="新しいドキュメントを作成します。" ma:contentTypeScope="" ma:versionID="ef7fab468eba2f43f32e0fc01fe48e98">
  <xsd:schema xmlns:xsd="http://www.w3.org/2001/XMLSchema" xmlns:p="http://schemas.microsoft.com/office/2006/metadata/properties" targetNamespace="http://schemas.microsoft.com/office/2006/metadata/properties" ma:root="true" ma:fieldsID="f4cff559f9a06213828a8956bc5bb220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コンテンツ タイプ" ma:readOnly="true"/>
        <xsd:element ref="dc:title" minOccurs="0" maxOccurs="1" ma:index="4" ma:displayName="タイトル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Props1.xml><?xml version="1.0" encoding="utf-8"?>
<ds:datastoreItem xmlns:ds="http://schemas.openxmlformats.org/officeDocument/2006/customXml" ds:itemID="{D7B3A762-C6A4-488F-B1A4-C95CA4E20E31}">
  <ds:schemaRefs>
    <ds:schemaRef ds:uri="http://schemas.microsoft.com/office/2006/documentManagement/types"/>
    <ds:schemaRef ds:uri="http://purl.org/dc/elements/1.1/"/>
    <ds:schemaRef ds:uri="http://purl.org/dc/dcmitype/"/>
    <ds:schemaRef ds:uri="http://www.w3.org/XML/1998/namespace"/>
    <ds:schemaRef ds:uri="http://schemas.microsoft.com/office/2006/metadata/properties"/>
    <ds:schemaRef ds:uri="http://purl.org/dc/terms/"/>
    <ds:schemaRef ds:uri="http://schemas.openxmlformats.org/package/2006/metadata/core-properties"/>
  </ds:schemaRefs>
</ds:datastoreItem>
</file>

<file path=customXml/itemProps2.xml><?xml version="1.0" encoding="utf-8"?>
<ds:datastoreItem xmlns:ds="http://schemas.openxmlformats.org/officeDocument/2006/customXml" ds:itemID="{195E0AF4-5E30-42C2-BA55-C17C3EC79DFB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7267CB3D-AA9B-429E-9D4F-1D05A776B96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61403</TotalTime>
  <Words>353</Words>
  <Application>Microsoft Office PowerPoint</Application>
  <PresentationFormat>A3 297x420 mm</PresentationFormat>
  <Paragraphs>102</Paragraphs>
  <Slides>1</Slides>
  <Notes>1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</vt:i4>
      </vt:variant>
    </vt:vector>
  </HeadingPairs>
  <TitlesOfParts>
    <vt:vector size="2" baseType="lpstr">
      <vt:lpstr>標準デザイン</vt:lpstr>
      <vt:lpstr>PowerPoint プレゼンテーション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hiromoto_teruo</dc:creator>
  <cp:lastModifiedBy>HOSTNAME</cp:lastModifiedBy>
  <cp:revision>5323</cp:revision>
  <cp:lastPrinted>2017-01-20T03:19:31Z</cp:lastPrinted>
  <dcterms:created xsi:type="dcterms:W3CDTF">2007-10-16T11:02:07Z</dcterms:created>
  <dcterms:modified xsi:type="dcterms:W3CDTF">2017-01-27T06:53:05Z</dcterms:modified>
</cp:coreProperties>
</file>